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令和８年度フォルダ\1衛生指導係\4 庶務\オープンデータ\R7\R8.3公開\"/>
    </mc:Choice>
  </mc:AlternateContent>
  <xr:revisionPtr revIDLastSave="0" documentId="13_ncr:1_{5A34C943-EE7D-4373-BF7A-B308E1F3E6B9}" xr6:coauthVersionLast="47" xr6:coauthVersionMax="47" xr10:uidLastSave="{00000000-0000-0000-0000-000000000000}"/>
  <bookViews>
    <workbookView xWindow="8235" yWindow="-16320" windowWidth="29040" windowHeight="15720" xr2:uid="{00000000-000D-0000-FFFF-FFFF00000000}"/>
  </bookViews>
  <sheets>
    <sheet name="美容所" sheetId="1" r:id="rId1"/>
  </sheets>
  <definedNames>
    <definedName name="_xlnm._FilterDatabase" localSheetId="0" hidden="1">美容所!$A$1:$G$851</definedName>
    <definedName name="クリーニング台帳一覧">#REF!</definedName>
    <definedName name="美容所台帳一覧">美容所!$A$1:$G$73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245" uniqueCount="3096">
  <si>
    <t>Ｈａｉｒ　Ｃｏｎｎｅｃｔ　Ｓｉｇｎ</t>
  </si>
  <si>
    <t>アリーナヘア</t>
  </si>
  <si>
    <t>富山市東老田９７１</t>
  </si>
  <si>
    <t>富山市大町25-25</t>
    <rPh sb="0" eb="3">
      <t>トヤマシ</t>
    </rPh>
    <rPh sb="3" eb="5">
      <t>オオマチ</t>
    </rPh>
    <phoneticPr fontId="2"/>
  </si>
  <si>
    <t>ビューティサロン・クローバ</t>
  </si>
  <si>
    <t>富山市水橋山王町６２１</t>
  </si>
  <si>
    <t>富山市永楽町６－１２</t>
  </si>
  <si>
    <t>富山市友杉３９０</t>
  </si>
  <si>
    <t>ビューティサロン幸</t>
  </si>
  <si>
    <t>富山市掛尾町６４－１</t>
  </si>
  <si>
    <t>0093</t>
  </si>
  <si>
    <t>富山市西押川１５１０－７</t>
  </si>
  <si>
    <t>0375</t>
  </si>
  <si>
    <t>富山市大手町４－２２</t>
  </si>
  <si>
    <t>0272</t>
  </si>
  <si>
    <t>谷川ビル１Ｆ</t>
  </si>
  <si>
    <t>富山市上冨居２－１１－２７</t>
  </si>
  <si>
    <t>0061</t>
  </si>
  <si>
    <t>ｕｂｕ</t>
  </si>
  <si>
    <t>0056</t>
  </si>
  <si>
    <t>ＥｙｅＬａｓｈＳａｌｏｎ　ＦＬＡＰ</t>
  </si>
  <si>
    <t>0206</t>
  </si>
  <si>
    <t>ＳＥＭＩＬＩＢＥＲ</t>
  </si>
  <si>
    <t>富山市四ツ葉町２２ー２３</t>
  </si>
  <si>
    <t>富山市清水町七丁目４－１０－１</t>
    <rPh sb="0" eb="3">
      <t>トヤマシ</t>
    </rPh>
    <rPh sb="3" eb="5">
      <t>シミズ</t>
    </rPh>
    <rPh sb="5" eb="6">
      <t>マチ</t>
    </rPh>
    <rPh sb="6" eb="9">
      <t>７チョウメ</t>
    </rPh>
    <phoneticPr fontId="2"/>
  </si>
  <si>
    <t>0555</t>
  </si>
  <si>
    <t>富山市室町通り二丁目2-8</t>
    <rPh sb="0" eb="3">
      <t>トヤマシ</t>
    </rPh>
    <rPh sb="3" eb="5">
      <t>ムロマチ</t>
    </rPh>
    <rPh sb="5" eb="6">
      <t>ドオ</t>
    </rPh>
    <rPh sb="7" eb="10">
      <t>ニチョウメ</t>
    </rPh>
    <phoneticPr fontId="2"/>
  </si>
  <si>
    <t>0294</t>
  </si>
  <si>
    <t>0009</t>
  </si>
  <si>
    <t>富山市婦中町笹倉９７</t>
  </si>
  <si>
    <t>0707</t>
  </si>
  <si>
    <t>Ｈａｉｒ　Ｐｌａｃｅ　Ｃｒｏｃｅ</t>
  </si>
  <si>
    <t>ＮＥＸＵＳ</t>
  </si>
  <si>
    <t>ビューティ川村</t>
  </si>
  <si>
    <t>0540</t>
  </si>
  <si>
    <t>フェイスフルサキ　有限会社　</t>
  </si>
  <si>
    <t>Professional Hair Salon ＳＥＫＩＧＵＣＨＩ</t>
  </si>
  <si>
    <t>美容室アンテンドゥ</t>
  </si>
  <si>
    <t>富山市赤田５３－３</t>
  </si>
  <si>
    <t>0547</t>
  </si>
  <si>
    <t>ビューティルームえつこ</t>
  </si>
  <si>
    <t>株式会社　　ｏｎｅ　ｂｙ　ｏｎｅ</t>
  </si>
  <si>
    <t>0147</t>
  </si>
  <si>
    <t>ｄｉｍ.</t>
  </si>
  <si>
    <t>ＡＬＥＴＴ（アレット）</t>
  </si>
  <si>
    <t>サロン・ド・ミナ　美容室</t>
  </si>
  <si>
    <t>富山市婦中町中名字川原１２７６－４</t>
  </si>
  <si>
    <t>イシタニ美容室</t>
  </si>
  <si>
    <t>Ｓｈｉｅｎ</t>
  </si>
  <si>
    <t>0295</t>
  </si>
  <si>
    <t>富山市吉作１１４４</t>
  </si>
  <si>
    <t>ｎｏｍａｄ</t>
  </si>
  <si>
    <t>グリーンピースⅡ</t>
  </si>
  <si>
    <t>0326</t>
  </si>
  <si>
    <t>富山市本郷町１区２ー４７</t>
  </si>
  <si>
    <t>原田美容室</t>
  </si>
  <si>
    <t>富山市晴海台５－１５</t>
  </si>
  <si>
    <t>アースカラ</t>
  </si>
  <si>
    <t>富山市牛島町６－１５</t>
  </si>
  <si>
    <t>Ｈａｉｒ　ｍａ’ａｍ</t>
  </si>
  <si>
    <t>美容プラージュ　富山上冨居店</t>
  </si>
  <si>
    <t>0154</t>
  </si>
  <si>
    <t>富山市天正寺１０７２番地</t>
    <rPh sb="0" eb="3">
      <t>トヤマシ</t>
    </rPh>
    <rPh sb="3" eb="6">
      <t>テンショウジ</t>
    </rPh>
    <rPh sb="10" eb="12">
      <t>バンチ</t>
    </rPh>
    <phoneticPr fontId="2"/>
  </si>
  <si>
    <t>富山県富山市今泉１３４－１</t>
  </si>
  <si>
    <t>富山市辰巳町２ー１ー７</t>
  </si>
  <si>
    <t>0698</t>
  </si>
  <si>
    <t>ＰＡＣＡＲ　ＨＡＩＲ（パチャール　ヘアー）</t>
  </si>
  <si>
    <t>富山市大町２６３ー６</t>
  </si>
  <si>
    <t>富山市高屋敷８４５</t>
  </si>
  <si>
    <t>富山市山室２２６－２</t>
  </si>
  <si>
    <t>野村美容室</t>
  </si>
  <si>
    <t>ビューティサロン三愛</t>
  </si>
  <si>
    <t>0268</t>
  </si>
  <si>
    <t>0552</t>
  </si>
  <si>
    <t>Ｉ’ｓ　Ｎｅｗ　Ｙｏｒｋ　ＰＲＥＭＩＵＭ ＴＯＹＡＭＡ</t>
  </si>
  <si>
    <t>0096</t>
  </si>
  <si>
    <t>やよい美容室</t>
  </si>
  <si>
    <t>富山市針原中町２８７－１１</t>
  </si>
  <si>
    <t>ｅｎｎｅ</t>
  </si>
  <si>
    <t>富山市金代３６</t>
  </si>
  <si>
    <t>富山市茶屋町６３９－２０</t>
  </si>
  <si>
    <t>0469</t>
  </si>
  <si>
    <t>富山市鹿島町２－３－９</t>
    <rPh sb="0" eb="3">
      <t>トヤマシ</t>
    </rPh>
    <rPh sb="3" eb="6">
      <t>カシマチョウ</t>
    </rPh>
    <phoneticPr fontId="2"/>
  </si>
  <si>
    <t>アクシス石金１Ｆ</t>
  </si>
  <si>
    <t>富山市月岡町６－７４２</t>
  </si>
  <si>
    <t>富山市宝町２－５－２２</t>
  </si>
  <si>
    <t>富山市呉羽町７３４５</t>
  </si>
  <si>
    <t>ヘアールーム　ＴＯＭＯ　ＴＯＭＯ</t>
  </si>
  <si>
    <t>富山市蓮町１－１－７７</t>
    <rPh sb="0" eb="3">
      <t>トヤマシ</t>
    </rPh>
    <rPh sb="3" eb="5">
      <t>ハスマチ</t>
    </rPh>
    <phoneticPr fontId="2"/>
  </si>
  <si>
    <t>0697</t>
  </si>
  <si>
    <t>アーベン　富山店</t>
  </si>
  <si>
    <t>富山市婦中町上轡田８０６－５</t>
    <rPh sb="0" eb="3">
      <t>トヤマシ</t>
    </rPh>
    <rPh sb="3" eb="6">
      <t>フチュウマチ</t>
    </rPh>
    <rPh sb="6" eb="7">
      <t>カミ</t>
    </rPh>
    <rPh sb="7" eb="9">
      <t>クツワダ</t>
    </rPh>
    <phoneticPr fontId="2"/>
  </si>
  <si>
    <t>0554</t>
  </si>
  <si>
    <t>ＰＲｅｅｎ</t>
  </si>
  <si>
    <t>富山市梅沢町１ー７ー２１</t>
  </si>
  <si>
    <t>富山市中川原７８－１６８</t>
  </si>
  <si>
    <t>ビューティサロンのむら</t>
  </si>
  <si>
    <t>富山市太田口通り２－１－１０</t>
  </si>
  <si>
    <t>富山市大町２区１－４</t>
  </si>
  <si>
    <t>ｈａｉｒ　ａｎｄ　ｍａｋｅ　ｃｏｎｔｉｎｕｅ（コンティニュー）</t>
  </si>
  <si>
    <t>富山市茶屋町字中ノ間６０１－１，６０８</t>
  </si>
  <si>
    <t>ｔｏｕｔ　ｂｌａｎｃ</t>
  </si>
  <si>
    <t>富山県富山市東大久保４０５－３</t>
  </si>
  <si>
    <t>ｅｙｅ ｌｕｘｅ</t>
  </si>
  <si>
    <t>富山市城若町８５１－２</t>
  </si>
  <si>
    <t>有限会社　田中美容院</t>
    <rPh sb="0" eb="4">
      <t>ユウゲンガイシャ</t>
    </rPh>
    <phoneticPr fontId="2"/>
  </si>
  <si>
    <t>高木ビル１Ｆ１３号</t>
  </si>
  <si>
    <t>富山市布瀬町南２－８－１</t>
  </si>
  <si>
    <t>有限会社　いづみ美容室　速星店　</t>
  </si>
  <si>
    <t>富山市新庄町３－４－３</t>
  </si>
  <si>
    <t>富山市水橋開発町２０－８</t>
  </si>
  <si>
    <t>神戸美容室</t>
  </si>
  <si>
    <t>こだま美容室</t>
  </si>
  <si>
    <t>サロンド・ボーテ・クニヨ</t>
  </si>
  <si>
    <t>リークス</t>
  </si>
  <si>
    <t>0797</t>
  </si>
  <si>
    <t>富山市犬島５ー７ー４０</t>
  </si>
  <si>
    <t>富山市上冨居３１０－１</t>
  </si>
  <si>
    <t>富山市上冨居二丁目２４－３</t>
    <rPh sb="0" eb="3">
      <t>トヤマシ</t>
    </rPh>
    <rPh sb="3" eb="6">
      <t>カミフゴ</t>
    </rPh>
    <rPh sb="6" eb="9">
      <t>ニチョウメ</t>
    </rPh>
    <phoneticPr fontId="2"/>
  </si>
  <si>
    <t>富山市五福５８４２－４</t>
    <rPh sb="0" eb="3">
      <t>トヤマシ</t>
    </rPh>
    <rPh sb="3" eb="5">
      <t>ゴフク</t>
    </rPh>
    <phoneticPr fontId="2"/>
  </si>
  <si>
    <t>Ｐｒｏｒｓｕｍ（プローサム）</t>
  </si>
  <si>
    <t>アピタ富山店２Ｆ</t>
  </si>
  <si>
    <t>0415</t>
  </si>
  <si>
    <t>ビューティサロンまちこ</t>
  </si>
  <si>
    <t>ビューティプラザはまざきショッピングタウン北の森店</t>
  </si>
  <si>
    <t>0261</t>
  </si>
  <si>
    <t>合同会社GrowPiece</t>
    <rPh sb="0" eb="2">
      <t>ゴウドウ</t>
    </rPh>
    <rPh sb="2" eb="4">
      <t>ガイシャ</t>
    </rPh>
    <phoneticPr fontId="2"/>
  </si>
  <si>
    <t>富山市八尾町福島１６３－４</t>
    <rPh sb="0" eb="3">
      <t>トヤマシ</t>
    </rPh>
    <rPh sb="3" eb="6">
      <t>ヤツオマチ</t>
    </rPh>
    <rPh sb="6" eb="8">
      <t>フクジマ</t>
    </rPh>
    <phoneticPr fontId="2"/>
  </si>
  <si>
    <t>富山市弥生町１ー７ー１１</t>
  </si>
  <si>
    <t>0219</t>
  </si>
  <si>
    <t>富山市牛島町１８ー７アーバンプレイス１Ｆ</t>
  </si>
  <si>
    <t>Ｍ．Ｐｌａｃｅ</t>
  </si>
  <si>
    <t>富山県富山市新庄町２６１－１５</t>
  </si>
  <si>
    <t>富山市磯部町２ー６ー４</t>
  </si>
  <si>
    <t>0633</t>
  </si>
  <si>
    <t>美容室　アーネスト</t>
  </si>
  <si>
    <t>富山県富山市下新北町３－３２</t>
  </si>
  <si>
    <t>0758</t>
  </si>
  <si>
    <t>美容室ひとり</t>
  </si>
  <si>
    <t>ｈａｉｒ　ｃｒｅａｔｉｏｎ　ＮＥＳＴ</t>
  </si>
  <si>
    <t>ビューティ　アリス</t>
  </si>
  <si>
    <t>0043</t>
  </si>
  <si>
    <t>フィールトゥービル西館２Ｆ</t>
  </si>
  <si>
    <t>0169</t>
  </si>
  <si>
    <t>富山市北代４３２９－１</t>
  </si>
  <si>
    <t>0847</t>
  </si>
  <si>
    <t>富山市新根塚町３－１－３</t>
  </si>
  <si>
    <t>0496</t>
  </si>
  <si>
    <t>ネイルサロン　Ｂｅ</t>
  </si>
  <si>
    <t>0070</t>
  </si>
  <si>
    <t>ヘアーサロン　ココ</t>
  </si>
  <si>
    <t>富山市布瀬町南一丁目21-19</t>
    <rPh sb="0" eb="3">
      <t>トヤマシ</t>
    </rPh>
    <rPh sb="3" eb="5">
      <t>ヌノセ</t>
    </rPh>
    <rPh sb="5" eb="6">
      <t>マチ</t>
    </rPh>
    <rPh sb="6" eb="7">
      <t>ミナミ</t>
    </rPh>
    <rPh sb="7" eb="10">
      <t>イッチョウメ</t>
    </rPh>
    <phoneticPr fontId="2"/>
  </si>
  <si>
    <t>富山市蓮町一丁目２３６－１</t>
    <rPh sb="0" eb="3">
      <t>トヤマシ</t>
    </rPh>
    <rPh sb="5" eb="8">
      <t>イッチョウメ</t>
    </rPh>
    <phoneticPr fontId="2"/>
  </si>
  <si>
    <t>富山市東町３ー５ー４</t>
  </si>
  <si>
    <t>Ｗ</t>
  </si>
  <si>
    <t>0041</t>
  </si>
  <si>
    <t>ポルコ　ロッソ</t>
  </si>
  <si>
    <t>0519</t>
  </si>
  <si>
    <t>富山市経堂３－２１１</t>
  </si>
  <si>
    <t>富山市城川原２－２－１</t>
  </si>
  <si>
    <t>美容室シャノン</t>
  </si>
  <si>
    <t>オーガニックハーブカラー専門店　Ｃｕｕｇｉｉ　ｃｏｌｏｒ</t>
    <rPh sb="12" eb="15">
      <t>センモンテン</t>
    </rPh>
    <phoneticPr fontId="2"/>
  </si>
  <si>
    <t>富山市上冨居３－１１－３８</t>
  </si>
  <si>
    <t>0125</t>
  </si>
  <si>
    <t>株式会社　アトリエＮｏｅｌ</t>
  </si>
  <si>
    <t>富山市二口町１－８－５</t>
  </si>
  <si>
    <t>輪玖</t>
  </si>
  <si>
    <t>アート・ノワール</t>
  </si>
  <si>
    <t>ＭＮビルＡ</t>
  </si>
  <si>
    <t>花園美容室</t>
  </si>
  <si>
    <t>Ｂｌｏｏｍ　Ｈａｉｒ</t>
  </si>
  <si>
    <t>富山市蓮町４丁目４ー１０</t>
  </si>
  <si>
    <t>0003</t>
  </si>
  <si>
    <t>株式会社　　ａｎｄ　ＵＳ</t>
  </si>
  <si>
    <t>アート美容院</t>
  </si>
  <si>
    <t>Ｇｙｐｓｏ</t>
  </si>
  <si>
    <t>富山市中島三丁目７－１４</t>
    <rPh sb="0" eb="3">
      <t>トヤマシ</t>
    </rPh>
    <rPh sb="3" eb="5">
      <t>ナカジマ</t>
    </rPh>
    <rPh sb="5" eb="8">
      <t>サンチョウメ</t>
    </rPh>
    <phoneticPr fontId="2"/>
  </si>
  <si>
    <t>富山県富山市婦中町外輪野１１０８１</t>
  </si>
  <si>
    <t>髪スタジオＭ　八尾店</t>
  </si>
  <si>
    <t>富山市高畠町２－１２－４３</t>
  </si>
  <si>
    <t>0526</t>
  </si>
  <si>
    <t>0155</t>
  </si>
  <si>
    <t>富山市長江東町１－３－３８</t>
  </si>
  <si>
    <t>富山市栄町一丁目１ー１１</t>
    <rPh sb="5" eb="8">
      <t>イッチョウメ</t>
    </rPh>
    <phoneticPr fontId="2"/>
  </si>
  <si>
    <t>0589</t>
  </si>
  <si>
    <t>富山県富山市西中野町２－２－１３</t>
  </si>
  <si>
    <t>富山市総曲輪３－６－１５－１８－２</t>
  </si>
  <si>
    <t>Le-REPOS LESEACE</t>
  </si>
  <si>
    <t>大阪府八尾市安中町２－１－２９</t>
  </si>
  <si>
    <t>サロンドＹＯＫＯ</t>
  </si>
  <si>
    <t>Ｂｒｏｗｎｉｅ</t>
  </si>
  <si>
    <t>0605</t>
  </si>
  <si>
    <t>富山市長江４－２－３８－１</t>
  </si>
  <si>
    <t>0713</t>
  </si>
  <si>
    <t>富山市二口町３－７－７</t>
  </si>
  <si>
    <t>富山市新庄銀座４９３</t>
  </si>
  <si>
    <t>0222</t>
  </si>
  <si>
    <t>Ｌｉｏｒａ（ リオラ ）</t>
  </si>
  <si>
    <t>富山市西公文名町１０ー２６</t>
  </si>
  <si>
    <t>富山市八尾町杉田７６７</t>
  </si>
  <si>
    <t>0127</t>
  </si>
  <si>
    <t>富山市堀川町３８２ー８</t>
  </si>
  <si>
    <t>0512</t>
  </si>
  <si>
    <t>宮川美容室</t>
  </si>
  <si>
    <t>0854</t>
  </si>
  <si>
    <t>0719</t>
  </si>
  <si>
    <t>アヴァンセサニー美容室</t>
  </si>
  <si>
    <t>ＣＲＯＲＩ（クロリ）</t>
  </si>
  <si>
    <t>富山市綾田町１ー１７ー５</t>
  </si>
  <si>
    <t>0618</t>
  </si>
  <si>
    <t>0126</t>
  </si>
  <si>
    <t>あさひ美容室</t>
  </si>
  <si>
    <t>富山市長江本町１５－３０</t>
  </si>
  <si>
    <t>Ｈａｉｒ＆Ｍａｋｅ　ＥＡＲＴＨ</t>
  </si>
  <si>
    <t>有限会社　サクセス　本店　</t>
  </si>
  <si>
    <t>カラー倶楽部</t>
    <rPh sb="3" eb="6">
      <t>クラブ</t>
    </rPh>
    <phoneticPr fontId="2"/>
  </si>
  <si>
    <t>ＭＩＴＳＵＲＵ</t>
  </si>
  <si>
    <t>びようしつエマ</t>
  </si>
  <si>
    <t>0227</t>
  </si>
  <si>
    <t>0090</t>
  </si>
  <si>
    <t>ｓａｌｏｎ　ｄｅ　Ｆｅｕｉｌｌｅｓ</t>
  </si>
  <si>
    <t>ａｔｅｌｉｅｒ　Ｆｌｏｕｒｉｓｈ（フローリッシュ）</t>
  </si>
  <si>
    <t>0826</t>
  </si>
  <si>
    <t>ｃａｓａ　ｈｉｒｕ　ｋｏｎｕｎ</t>
  </si>
  <si>
    <t>富山市新根塚町一丁目４－３８</t>
    <rPh sb="0" eb="2">
      <t>トヤマ</t>
    </rPh>
    <rPh sb="2" eb="3">
      <t>シ</t>
    </rPh>
    <rPh sb="3" eb="4">
      <t>シン</t>
    </rPh>
    <rPh sb="4" eb="5">
      <t>ネ</t>
    </rPh>
    <rPh sb="5" eb="6">
      <t>ヅカ</t>
    </rPh>
    <rPh sb="6" eb="7">
      <t>マチ</t>
    </rPh>
    <rPh sb="7" eb="10">
      <t>イッチョウメ</t>
    </rPh>
    <phoneticPr fontId="2"/>
  </si>
  <si>
    <t>富山市高屋敷５５－２６１</t>
  </si>
  <si>
    <t>富山市田中町１－８－２５</t>
  </si>
  <si>
    <t>松永美容室</t>
  </si>
  <si>
    <t>ｎｉｐｓ　ｎｉｐ（ニップスニップ）</t>
  </si>
  <si>
    <t>富山市一番町３－１</t>
  </si>
  <si>
    <t>ビューティサロン　知枝</t>
  </si>
  <si>
    <t>富山市高内２４６</t>
  </si>
  <si>
    <t>千秋美容室</t>
  </si>
  <si>
    <t>ヘアークラフトおおの美容室</t>
  </si>
  <si>
    <t>0810</t>
  </si>
  <si>
    <t>0100</t>
  </si>
  <si>
    <t>0383</t>
  </si>
  <si>
    <t>株式会社　イチエイ</t>
    <rPh sb="0" eb="2">
      <t>カブシキ</t>
    </rPh>
    <rPh sb="2" eb="4">
      <t>カイシャ</t>
    </rPh>
    <phoneticPr fontId="2"/>
  </si>
  <si>
    <t>ＨＡＩＲ　ＳＮＵＧ</t>
  </si>
  <si>
    <t>0011</t>
  </si>
  <si>
    <t>東京都新宿区新宿六丁目７－１　エルプリメント新宿４階４１１</t>
    <rPh sb="0" eb="3">
      <t>トウキョウト</t>
    </rPh>
    <rPh sb="3" eb="6">
      <t>シンジュクク</t>
    </rPh>
    <rPh sb="6" eb="8">
      <t>シンジュク</t>
    </rPh>
    <rPh sb="8" eb="11">
      <t>ロクチョウメ</t>
    </rPh>
    <rPh sb="22" eb="24">
      <t>シンジュク</t>
    </rPh>
    <rPh sb="25" eb="26">
      <t>カイ</t>
    </rPh>
    <phoneticPr fontId="2"/>
  </si>
  <si>
    <t>0731</t>
  </si>
  <si>
    <t>富山市秋吉１－１</t>
  </si>
  <si>
    <t>0874</t>
  </si>
  <si>
    <t>富山市千代田町１－６</t>
  </si>
  <si>
    <t>0184</t>
  </si>
  <si>
    <t>富山市八尾町福島上野５－８</t>
  </si>
  <si>
    <t>富山市富岡町１９１</t>
  </si>
  <si>
    <t>0632</t>
  </si>
  <si>
    <t>0724</t>
  </si>
  <si>
    <t>あとりえ遊</t>
  </si>
  <si>
    <t>神奈川県横浜市青葉区新石川３－１５－１１</t>
    <rPh sb="0" eb="4">
      <t>カナガワケン</t>
    </rPh>
    <rPh sb="4" eb="7">
      <t>ヨコハマシ</t>
    </rPh>
    <rPh sb="7" eb="10">
      <t>アオバク</t>
    </rPh>
    <rPh sb="10" eb="11">
      <t>シン</t>
    </rPh>
    <rPh sb="11" eb="13">
      <t>イシカワ</t>
    </rPh>
    <phoneticPr fontId="2"/>
  </si>
  <si>
    <t>富山市八尾町黒田５－６</t>
  </si>
  <si>
    <t>ヘアサロンのざき</t>
  </si>
  <si>
    <t>富山市太郎丸本町４丁目３番２号</t>
  </si>
  <si>
    <t>0317</t>
  </si>
  <si>
    <t>美容室リミックス</t>
  </si>
  <si>
    <t>富山県黒部市堀高９４－１</t>
  </si>
  <si>
    <t>富山市赤田４９ー１</t>
  </si>
  <si>
    <t>富山市大町２２０ー８</t>
  </si>
  <si>
    <t>美容室　ウィズ</t>
  </si>
  <si>
    <t>0735</t>
  </si>
  <si>
    <t>10miL renovation（ディスミル　リノベーション）</t>
  </si>
  <si>
    <t>サロンド・エッフェル</t>
  </si>
  <si>
    <t>富山市鍋田２３－３６</t>
  </si>
  <si>
    <t>富山市藤木２３５－１</t>
    <rPh sb="0" eb="3">
      <t>トヤマシ</t>
    </rPh>
    <rPh sb="3" eb="5">
      <t>フジキ</t>
    </rPh>
    <phoneticPr fontId="2"/>
  </si>
  <si>
    <t>富山市開６２８</t>
  </si>
  <si>
    <t>0578</t>
  </si>
  <si>
    <t>富山市上袋３０２</t>
  </si>
  <si>
    <t>ｉｒｏ．</t>
  </si>
  <si>
    <t>ウェイヴィーしきだ</t>
  </si>
  <si>
    <t>0139</t>
  </si>
  <si>
    <t>富山市八尾町井田７８５－４</t>
  </si>
  <si>
    <t>ビューティプラザはまざき森店</t>
  </si>
  <si>
    <t>0253</t>
  </si>
  <si>
    <t>ｃｒｅｗ　クルー</t>
  </si>
  <si>
    <t>富山市太郎丸５４－１</t>
  </si>
  <si>
    <t>アリエス　美容室</t>
  </si>
  <si>
    <t>富山市東福沢１６４６</t>
  </si>
  <si>
    <t>富山市八尾町舘本郷５２６－１</t>
  </si>
  <si>
    <t>0379</t>
  </si>
  <si>
    <t>ＣＨＯＣＯＬＡＴ（ショコラ）</t>
  </si>
  <si>
    <t>富山市堀２５７</t>
  </si>
  <si>
    <t>Ｚｅｎ　花</t>
  </si>
  <si>
    <t>富山市布瀬町南１－５－１</t>
    <rPh sb="0" eb="3">
      <t>トヤマシ</t>
    </rPh>
    <rPh sb="3" eb="5">
      <t>ヌノセ</t>
    </rPh>
    <rPh sb="5" eb="6">
      <t>マチ</t>
    </rPh>
    <rPh sb="6" eb="7">
      <t>ミナミ</t>
    </rPh>
    <phoneticPr fontId="2"/>
  </si>
  <si>
    <t>ヘアーブティック　ワン</t>
  </si>
  <si>
    <t>富山市水橋辻ケ堂２５２９</t>
  </si>
  <si>
    <t>エステティック　アン　レーヴ</t>
  </si>
  <si>
    <t>富山市田刈屋新町１３７</t>
  </si>
  <si>
    <t>株式会社　カリスコーポレーション</t>
  </si>
  <si>
    <t>富山市呉羽町７２７９－６</t>
  </si>
  <si>
    <t>ｃｈａｒｍｅ　ｄｅ　ｋ</t>
  </si>
  <si>
    <t>美容イケダ</t>
  </si>
  <si>
    <t>富山市元町１－２－２０</t>
  </si>
  <si>
    <t>ｅｎ。</t>
  </si>
  <si>
    <t>富山市東富山寿町２－１１－５１</t>
  </si>
  <si>
    <t>富山市新根塚町１－９－４５</t>
  </si>
  <si>
    <t>富山市小杉１０４７</t>
  </si>
  <si>
    <t>Ｊｅｒｒｙ</t>
  </si>
  <si>
    <t>アロージュヘアー</t>
  </si>
  <si>
    <t>富山市総曲輪二丁目８番１１号</t>
    <rPh sb="0" eb="3">
      <t>トヤマシ</t>
    </rPh>
    <rPh sb="3" eb="6">
      <t>ソウガワ</t>
    </rPh>
    <rPh sb="6" eb="9">
      <t>ニチョウメ</t>
    </rPh>
    <rPh sb="10" eb="11">
      <t>バン</t>
    </rPh>
    <rPh sb="13" eb="14">
      <t>ゴウ</t>
    </rPh>
    <phoneticPr fontId="2"/>
  </si>
  <si>
    <t>富山市石金２丁目４－１</t>
    <rPh sb="0" eb="3">
      <t>トヤマシ</t>
    </rPh>
    <rPh sb="3" eb="5">
      <t>イシガネ</t>
    </rPh>
    <rPh sb="6" eb="8">
      <t>チョウメ</t>
    </rPh>
    <phoneticPr fontId="2"/>
  </si>
  <si>
    <t>有限会社　ヒューマンテック</t>
    <rPh sb="0" eb="4">
      <t>ユウゲンガイシャ</t>
    </rPh>
    <phoneticPr fontId="2"/>
  </si>
  <si>
    <t>城ケ丘美容室</t>
  </si>
  <si>
    <t>イシクロ美容室</t>
  </si>
  <si>
    <t>Nail Eyelash Salon Laki</t>
  </si>
  <si>
    <t>0045</t>
  </si>
  <si>
    <t>Ｓａｌｏｎ　ｄｅ　Ｇｒｅｃｏ</t>
  </si>
  <si>
    <t>富山市野口９４８ー３</t>
  </si>
  <si>
    <t>ＨＡＩＲ　ＯＶＩＤ（オービッド）</t>
  </si>
  <si>
    <t>富山市鍋田２４－４７</t>
  </si>
  <si>
    <t>富山市城村７３６</t>
  </si>
  <si>
    <t>0135</t>
  </si>
  <si>
    <t>今井　美容院</t>
  </si>
  <si>
    <t>ヒロ美容室</t>
  </si>
  <si>
    <t>富山市新根塚町２－１１－２４</t>
  </si>
  <si>
    <t>サニー美容室</t>
  </si>
  <si>
    <t>富山市旭町８ー１２</t>
  </si>
  <si>
    <t>富山市水橋大町１３</t>
  </si>
  <si>
    <t>0324</t>
  </si>
  <si>
    <t>富山市栄町１ー１０ー２２</t>
  </si>
  <si>
    <t>ｃｏｉｆｆｕｒｅ　ｂｏｎｔｏｎ</t>
  </si>
  <si>
    <t>富山市高内２区３８７－４</t>
  </si>
  <si>
    <t>（有）Ｈａｉｒ　Ｂｌｅｓｓ</t>
  </si>
  <si>
    <t>富山県富山市婦中町速星１１２－１</t>
  </si>
  <si>
    <t>0568</t>
  </si>
  <si>
    <t>富山市中老田８３５－１</t>
    <rPh sb="0" eb="3">
      <t>トヤマシ</t>
    </rPh>
    <rPh sb="3" eb="6">
      <t>ナカオイダ</t>
    </rPh>
    <phoneticPr fontId="2"/>
  </si>
  <si>
    <t>富山市森３－２－１１</t>
  </si>
  <si>
    <t>0639</t>
  </si>
  <si>
    <t>Ａ・ビレッジ　２Ｆ</t>
  </si>
  <si>
    <t>ナ・ホオラ・アンハーバー</t>
  </si>
  <si>
    <t>0228</t>
  </si>
  <si>
    <t>富山市大泉東町二丁目１－１</t>
    <rPh sb="0" eb="3">
      <t>トヤマシ</t>
    </rPh>
    <rPh sb="3" eb="5">
      <t>オオイズミ</t>
    </rPh>
    <rPh sb="5" eb="6">
      <t>ヒガシ</t>
    </rPh>
    <rPh sb="6" eb="7">
      <t>マチ</t>
    </rPh>
    <rPh sb="7" eb="10">
      <t>ニチョウメ</t>
    </rPh>
    <phoneticPr fontId="2"/>
  </si>
  <si>
    <t>Ｈａｉｒ＆ｓｐａ　egypt</t>
  </si>
  <si>
    <t>はせがわ美容室</t>
  </si>
  <si>
    <t>富山市上堀町６２</t>
  </si>
  <si>
    <t>ｃｏｎｆｒｏｎｔ</t>
  </si>
  <si>
    <t>富山県富山市丸の内２－２－５</t>
  </si>
  <si>
    <t>0791</t>
  </si>
  <si>
    <t>富山市千石町５－３－２８</t>
  </si>
  <si>
    <t>富山市高田１０－４</t>
  </si>
  <si>
    <t>ビューティサロン　佐和</t>
  </si>
  <si>
    <t>サロン・ド・ベール松永</t>
  </si>
  <si>
    <t>富山市粟島町３ー１３ー４５</t>
  </si>
  <si>
    <t>富山市蓮町３－８－２０</t>
  </si>
  <si>
    <t>みどり美容室</t>
  </si>
  <si>
    <t>富山市中川原１３４ー６</t>
  </si>
  <si>
    <t>藤村ビル１Ｆ</t>
    <rPh sb="0" eb="2">
      <t>フジムラ</t>
    </rPh>
    <phoneticPr fontId="2"/>
  </si>
  <si>
    <t>富山市花園町３－４－５</t>
  </si>
  <si>
    <t>Ａｇｕ　ｈａｉｒ　ｍａｒｅ</t>
  </si>
  <si>
    <t>ジュネス美容室</t>
  </si>
  <si>
    <t>富山市経堂４－１－６</t>
  </si>
  <si>
    <t>富山市五福６区１６４３</t>
  </si>
  <si>
    <t>富山市婦中町速星１１２－１</t>
  </si>
  <si>
    <t>富山市小泉町５４－７</t>
  </si>
  <si>
    <t>富山市旭町２ー２４</t>
  </si>
  <si>
    <t>富山市水橋中村町４７－７</t>
  </si>
  <si>
    <t>アイラッシュサロン　ａｉｌｅ（ネイルサロンＴｅｔｅ）</t>
  </si>
  <si>
    <t>松井美容院</t>
  </si>
  <si>
    <t>久方ビル１階B号室</t>
    <rPh sb="0" eb="2">
      <t>ヒサカタ</t>
    </rPh>
    <rPh sb="5" eb="6">
      <t>カイ</t>
    </rPh>
    <rPh sb="7" eb="9">
      <t>ゴウシツ</t>
    </rPh>
    <phoneticPr fontId="2"/>
  </si>
  <si>
    <t>アン・ボーテ</t>
  </si>
  <si>
    <t>0072</t>
  </si>
  <si>
    <t>美容室マリリン</t>
  </si>
  <si>
    <t>Ｌｉｆｅ’ｓ　ｈａｉｒ</t>
  </si>
  <si>
    <t>つじかど美容院</t>
  </si>
  <si>
    <t>富山市水橋舘町４１２</t>
  </si>
  <si>
    <t>まつの美容室</t>
  </si>
  <si>
    <t>0108</t>
  </si>
  <si>
    <t>0032</t>
  </si>
  <si>
    <t>グランドハイツ清水　２Ｆ</t>
  </si>
  <si>
    <t>ｌｉｍｉ　ｆｕｃｈｕ</t>
  </si>
  <si>
    <t>0050</t>
  </si>
  <si>
    <t>健商ビル１Ｆ</t>
    <rPh sb="0" eb="1">
      <t>ケン</t>
    </rPh>
    <rPh sb="1" eb="2">
      <t>ショウ</t>
    </rPh>
    <phoneticPr fontId="2"/>
  </si>
  <si>
    <t>ＡＢＯＶＥ＆ＢＥＹＯＮＤ</t>
  </si>
  <si>
    <t>そーう美容室荏原駅前店</t>
  </si>
  <si>
    <t>0868</t>
  </si>
  <si>
    <t>0606</t>
  </si>
  <si>
    <t>アリエス美容室　上赤江店</t>
  </si>
  <si>
    <t>0602</t>
  </si>
  <si>
    <t>ヘアースペース　マーク</t>
  </si>
  <si>
    <t>富山市四方西野割３５２－３</t>
  </si>
  <si>
    <t>ＨＡＩＲ　Ｌｉｌｉｅｓ</t>
  </si>
  <si>
    <t>富山市五福１１４３－１</t>
  </si>
  <si>
    <t>美容室ジョニー本店</t>
  </si>
  <si>
    <t>富山市婦中町長沢２８１２－９</t>
  </si>
  <si>
    <t>富山市笹津５４５－１</t>
  </si>
  <si>
    <t>Ｃａｐｏｏｒ（カプーア）</t>
  </si>
  <si>
    <t>THEORY LABO　hair scalp &amp; skin care</t>
  </si>
  <si>
    <t>富山市八尾町西新町３９９６</t>
  </si>
  <si>
    <t>0140</t>
  </si>
  <si>
    <t>富山市大町２２７－３</t>
  </si>
  <si>
    <t>ＢＥＬＬＥ　ＨＡＩＲ　ＲＯＯＭ（ベル　ヘアールーム）</t>
  </si>
  <si>
    <t>アランジェ</t>
  </si>
  <si>
    <t>0335</t>
  </si>
  <si>
    <t>富山市婦中町砂子田８１－２７９</t>
  </si>
  <si>
    <t>ナカジマ美容室</t>
  </si>
  <si>
    <t>株式会社　ＴＹＲＡＮＮ</t>
  </si>
  <si>
    <t>美容室　サロンド　ユー</t>
  </si>
  <si>
    <t>富山市五福２区５２１２</t>
  </si>
  <si>
    <t>富山市布瀬町二丁目１６－１０</t>
    <rPh sb="6" eb="9">
      <t>ニチョウメ</t>
    </rPh>
    <phoneticPr fontId="2"/>
  </si>
  <si>
    <t>富山県富山市布瀬町２－３－１２</t>
  </si>
  <si>
    <t>0281</t>
  </si>
  <si>
    <t>富山市大町２８２</t>
  </si>
  <si>
    <t>富山市大島二丁目５９６－４４</t>
    <rPh sb="0" eb="3">
      <t>トヤマシ</t>
    </rPh>
    <rPh sb="3" eb="5">
      <t>オオシマ</t>
    </rPh>
    <phoneticPr fontId="2"/>
  </si>
  <si>
    <t>富山市堤町通り１－３－１</t>
  </si>
  <si>
    <t>富山市田中町五丁目3-1</t>
    <rPh sb="0" eb="3">
      <t>トヤマシ</t>
    </rPh>
    <rPh sb="3" eb="6">
      <t>タナカマチ</t>
    </rPh>
    <rPh sb="6" eb="9">
      <t>ゴチョウメ</t>
    </rPh>
    <phoneticPr fontId="2"/>
  </si>
  <si>
    <t>富山市大町１３５－１６</t>
  </si>
  <si>
    <t>0049</t>
  </si>
  <si>
    <t>ＢＯＮ　ｆｅｌｉｚ（ボン　フェリス）</t>
  </si>
  <si>
    <t>富山市八木山５１－８</t>
  </si>
  <si>
    <t>0631</t>
  </si>
  <si>
    <t>ビューティ花季節</t>
  </si>
  <si>
    <t>富山市稲荷元町２ー１０ー５　スタッフインビル１Ｆ</t>
  </si>
  <si>
    <t>富山市金泉寺４００ー２</t>
  </si>
  <si>
    <t>Ｓｈｉｐｓ　ＥＥＬ</t>
  </si>
  <si>
    <t>富山市千石町２－６－５</t>
  </si>
  <si>
    <t>アンドライフ　株式会社　</t>
  </si>
  <si>
    <t>0180</t>
  </si>
  <si>
    <t>ビューティ大阪</t>
    <rPh sb="5" eb="7">
      <t>オオサカ</t>
    </rPh>
    <phoneticPr fontId="2"/>
  </si>
  <si>
    <t>0832</t>
  </si>
  <si>
    <t>髪切館</t>
  </si>
  <si>
    <t>富山市西公文名町１２－２</t>
  </si>
  <si>
    <t>Hair Salon　ＣＬＯＶＥＲ</t>
  </si>
  <si>
    <t>長谷川美容室</t>
  </si>
  <si>
    <t>富山市長江６区７５７ー５</t>
  </si>
  <si>
    <t>富山市中川原７８番地１４０</t>
    <rPh sb="0" eb="3">
      <t>トヤマシ</t>
    </rPh>
    <rPh sb="3" eb="6">
      <t>ナカガワラ</t>
    </rPh>
    <rPh sb="8" eb="10">
      <t>バンチ</t>
    </rPh>
    <phoneticPr fontId="2"/>
  </si>
  <si>
    <t>0521</t>
  </si>
  <si>
    <t>富山市北代新２３８</t>
  </si>
  <si>
    <t>0097</t>
  </si>
  <si>
    <t>0604</t>
  </si>
  <si>
    <t>富山市婦中町蛍川８７－２５</t>
  </si>
  <si>
    <t>富山市小泉町４９０</t>
  </si>
  <si>
    <t>ビューティーサロン　水草</t>
  </si>
  <si>
    <t>0535</t>
  </si>
  <si>
    <t>0548</t>
  </si>
  <si>
    <t>ｈａｉｒ　ｓａｌｏｎ　Ｎａｔｕｒａ</t>
  </si>
  <si>
    <t>富山市森３－８－１０</t>
  </si>
  <si>
    <t>クレール36 １F</t>
  </si>
  <si>
    <t>ＫＨＯＲＡ</t>
  </si>
  <si>
    <t>ｈａｉｒ　ＭＩＵ（ヘアーミュウ）</t>
  </si>
  <si>
    <t>ビューティーサロン　バーム</t>
  </si>
  <si>
    <t>富山市清水元町6-24</t>
  </si>
  <si>
    <t>富山市荏原２３６</t>
  </si>
  <si>
    <t>富山市婦中町蛍川１２４－７</t>
  </si>
  <si>
    <t>0865</t>
  </si>
  <si>
    <t>ｍａｒｃｏ</t>
  </si>
  <si>
    <t>0781</t>
  </si>
  <si>
    <t>有限会社　　テン・ナイン</t>
  </si>
  <si>
    <t>富山市高内３８８</t>
  </si>
  <si>
    <t>富山市岩瀬大町１４２</t>
  </si>
  <si>
    <t>0807</t>
  </si>
  <si>
    <t>赤松美容室</t>
  </si>
  <si>
    <t>ｈａｉｒ’ｓ　ｍｉｎｔ</t>
  </si>
  <si>
    <t>マサミ美容室</t>
  </si>
  <si>
    <t>富山市中布目２８</t>
  </si>
  <si>
    <t>富山市田中町４ー１３ー３３</t>
  </si>
  <si>
    <t>株式会社　　Ｌｕｄｗｉｇ</t>
  </si>
  <si>
    <t>0021</t>
  </si>
  <si>
    <t>ヒラノ美容室</t>
  </si>
  <si>
    <t>Ｄ－R(ディール）</t>
  </si>
  <si>
    <t>Ｄｏｕｂｌｅ×Ｆ</t>
  </si>
  <si>
    <t>0583</t>
  </si>
  <si>
    <t>ヒロミ美容室</t>
  </si>
  <si>
    <t>富山市五福３５１２</t>
    <rPh sb="0" eb="3">
      <t>トヤマシ</t>
    </rPh>
    <rPh sb="3" eb="5">
      <t>ゴフク</t>
    </rPh>
    <phoneticPr fontId="2"/>
  </si>
  <si>
    <t>ユー美容室</t>
  </si>
  <si>
    <t>富山市水橋舘町１９８－１</t>
  </si>
  <si>
    <t>リッツビル１階Ａ</t>
  </si>
  <si>
    <t>0243</t>
  </si>
  <si>
    <t>富山市岩瀬表町２２－１</t>
  </si>
  <si>
    <t>0393</t>
  </si>
  <si>
    <t>富山市月見町１ー４６</t>
  </si>
  <si>
    <t>hair room fuu</t>
  </si>
  <si>
    <t>Private Hair Relaxation ＢＥＮＩ</t>
  </si>
  <si>
    <t>ＬＩＤＯ新庄店</t>
  </si>
  <si>
    <t>福井県福井市二の宮三丁目４－１４　１F</t>
    <rPh sb="0" eb="3">
      <t>フクイケン</t>
    </rPh>
    <rPh sb="3" eb="6">
      <t>フクイシ</t>
    </rPh>
    <rPh sb="6" eb="7">
      <t>ニ</t>
    </rPh>
    <rPh sb="8" eb="9">
      <t>ミヤ</t>
    </rPh>
    <rPh sb="9" eb="12">
      <t>サンチョウメ</t>
    </rPh>
    <phoneticPr fontId="2"/>
  </si>
  <si>
    <t>富山市水橋伊勢屋６７６</t>
  </si>
  <si>
    <t>ひろ美容室</t>
  </si>
  <si>
    <t>0226</t>
  </si>
  <si>
    <t>富山市大町８２－３</t>
    <rPh sb="0" eb="3">
      <t>トヤマシ</t>
    </rPh>
    <rPh sb="3" eb="5">
      <t>オオマチ</t>
    </rPh>
    <phoneticPr fontId="2"/>
  </si>
  <si>
    <t>女川美容院　本店</t>
  </si>
  <si>
    <t>富山市常盤町１－１３</t>
  </si>
  <si>
    <t>富山県富山市二口町２－５－１１　パティオ二口Ｂ棟</t>
  </si>
  <si>
    <t>ヘア－サロン　Ｓｅｒｒａ</t>
  </si>
  <si>
    <t>富山県富山市奥田双葉町１２－１４</t>
  </si>
  <si>
    <t>富山県富山市常盤町１－１３</t>
  </si>
  <si>
    <t>Ａｃｔｏｎ　Ｈａｉｒｄｒｅｓｓｅｒｓ</t>
  </si>
  <si>
    <t>ヘアーラヴァブルポテト</t>
  </si>
  <si>
    <t>Sity</t>
  </si>
  <si>
    <t>0062</t>
  </si>
  <si>
    <t>富山市稲荷町三丁目６－８</t>
    <rPh sb="0" eb="3">
      <t>トヤマシ</t>
    </rPh>
    <rPh sb="6" eb="9">
      <t>サンチョウメ</t>
    </rPh>
    <phoneticPr fontId="2"/>
  </si>
  <si>
    <t>Ｎｕｂｏ　Ｈａｉｒ</t>
  </si>
  <si>
    <t>0327</t>
  </si>
  <si>
    <t>富山市山室１８６－１２</t>
    <rPh sb="0" eb="3">
      <t>トヤマシ</t>
    </rPh>
    <rPh sb="3" eb="5">
      <t>ヤマムロ</t>
    </rPh>
    <phoneticPr fontId="2"/>
  </si>
  <si>
    <t>CHAINON</t>
  </si>
  <si>
    <t>プチ美容室ＴＥＲＡ</t>
  </si>
  <si>
    <t>0856</t>
  </si>
  <si>
    <t>ｓａｌｏｎ　ｓｔｕｄｉｏ　ｃｏｍｐａｓｓ</t>
  </si>
  <si>
    <t>富山県高岡市姫野３００－１</t>
  </si>
  <si>
    <t>富山市山室３６－１</t>
    <rPh sb="0" eb="3">
      <t>トヤマシ</t>
    </rPh>
    <rPh sb="3" eb="5">
      <t>ヤマムロ</t>
    </rPh>
    <phoneticPr fontId="2"/>
  </si>
  <si>
    <t>0360</t>
  </si>
  <si>
    <t>美容室　Ａｌｉｃｅ</t>
  </si>
  <si>
    <t>0336</t>
  </si>
  <si>
    <t>Ｒｕｔｉｌｅ（ルチル）</t>
  </si>
  <si>
    <t>富山市中島３－４－１３</t>
  </si>
  <si>
    <t>富山市若竹町２ー１２９</t>
  </si>
  <si>
    <t>理･美容院　ＡＲＯＯ</t>
  </si>
  <si>
    <t>富山県富山市下新町３２－２６</t>
  </si>
  <si>
    <t>サンコレクトビル２－Ｄ</t>
  </si>
  <si>
    <t>ｆｉｌｍｅ</t>
  </si>
  <si>
    <t>富山県富山市堀６２</t>
  </si>
  <si>
    <t>0481</t>
  </si>
  <si>
    <t>0230</t>
  </si>
  <si>
    <t>富山市城若町７３７ー２</t>
  </si>
  <si>
    <t>グレイスハイム１０６号室</t>
  </si>
  <si>
    <t>常川美容院</t>
  </si>
  <si>
    <t>富山市丸の内２ー２ー５</t>
  </si>
  <si>
    <t>ヘアーファッション　ベレーサ</t>
  </si>
  <si>
    <t>0769</t>
  </si>
  <si>
    <t>0163</t>
  </si>
  <si>
    <t>富山市蛯町１－１９　１Ｆ</t>
    <rPh sb="0" eb="3">
      <t>トヤマシ</t>
    </rPh>
    <rPh sb="3" eb="5">
      <t>エビチョウ</t>
    </rPh>
    <phoneticPr fontId="2"/>
  </si>
  <si>
    <t>富山市中川原新町８</t>
    <rPh sb="0" eb="3">
      <t>トヤマシ</t>
    </rPh>
    <rPh sb="3" eb="6">
      <t>ナカガワラ</t>
    </rPh>
    <rPh sb="6" eb="8">
      <t>シンマチ</t>
    </rPh>
    <phoneticPr fontId="2"/>
  </si>
  <si>
    <t>HAIR STUDIO ＣＯＯ　（ヘアスタジオ　クー）</t>
  </si>
  <si>
    <t>清水美容室</t>
  </si>
  <si>
    <t>富山市月岡町６－５７０</t>
  </si>
  <si>
    <t>１Ｆ・２Ｆ</t>
  </si>
  <si>
    <t>富山市千歳町２ー１２ー１９</t>
  </si>
  <si>
    <t>長治美容室</t>
  </si>
  <si>
    <t>としみ美容室</t>
  </si>
  <si>
    <t>石井美容室</t>
  </si>
  <si>
    <t>サンタウン１Ｆ</t>
  </si>
  <si>
    <t>0624</t>
  </si>
  <si>
    <t>0467</t>
  </si>
  <si>
    <t>富山市婦中町小倉１７１－１</t>
  </si>
  <si>
    <t>0543</t>
  </si>
  <si>
    <t>0036</t>
  </si>
  <si>
    <t>富山市山王町４ー５０</t>
  </si>
  <si>
    <t>フロンティアビル</t>
  </si>
  <si>
    <t>千代美容室</t>
  </si>
  <si>
    <t>本田美容室</t>
  </si>
  <si>
    <t>富山市下堀５０ー１</t>
  </si>
  <si>
    <t>Ｈａｉｒ　Ｐｒｏｄｕｃｅ　Ｍｉｌｌｅ　Ｃｏｕｌｅｕｒｓ</t>
  </si>
  <si>
    <t>富山市堀川町３３８</t>
  </si>
  <si>
    <t>0551</t>
  </si>
  <si>
    <t>富山市笹津４９２－２</t>
  </si>
  <si>
    <t>株式会社　　ＬＬＣｔｏｙ</t>
  </si>
  <si>
    <t>総合美容室クボタ</t>
  </si>
  <si>
    <t>富山市古沢４１０－２</t>
    <rPh sb="0" eb="3">
      <t>トヤマシ</t>
    </rPh>
    <rPh sb="3" eb="5">
      <t>フルサワ</t>
    </rPh>
    <phoneticPr fontId="2"/>
  </si>
  <si>
    <t>富山市堤町通り２ー７ー７</t>
  </si>
  <si>
    <t>富山市藤木７３９－１６</t>
  </si>
  <si>
    <t>0229</t>
  </si>
  <si>
    <t>0767</t>
  </si>
  <si>
    <t>富山市千石町１－２－１７</t>
  </si>
  <si>
    <t>ヂャンヌ美容室</t>
  </si>
  <si>
    <t>0530</t>
  </si>
  <si>
    <t>美容室ヤマザキ</t>
  </si>
  <si>
    <t>富山市太田口通り一丁目１－８</t>
    <rPh sb="0" eb="3">
      <t>トヤマシ</t>
    </rPh>
    <rPh sb="3" eb="6">
      <t>オオタグチ</t>
    </rPh>
    <rPh sb="6" eb="7">
      <t>ドオリ</t>
    </rPh>
    <rPh sb="8" eb="11">
      <t>イッチョウメ</t>
    </rPh>
    <phoneticPr fontId="2"/>
  </si>
  <si>
    <t>0581</t>
  </si>
  <si>
    <t>富山市婦中町長沢ひまわり台４０２９－２３</t>
  </si>
  <si>
    <t>Ｓｅｌｅｌｉｏ</t>
  </si>
  <si>
    <t>富山市常盤台１８番３０号</t>
  </si>
  <si>
    <t>美容室　みょんみょん　山室店</t>
    <rPh sb="13" eb="14">
      <t>テン</t>
    </rPh>
    <phoneticPr fontId="2"/>
  </si>
  <si>
    <t>竹田美容室</t>
  </si>
  <si>
    <t>富山市豊田本町２ー８ー４</t>
  </si>
  <si>
    <t>富山市上大久保１２１０－１</t>
  </si>
  <si>
    <t>富山市一番町５－１６－１</t>
    <rPh sb="0" eb="3">
      <t>トヤマシ</t>
    </rPh>
    <rPh sb="3" eb="5">
      <t>イチバン</t>
    </rPh>
    <rPh sb="5" eb="6">
      <t>マチ</t>
    </rPh>
    <phoneticPr fontId="2"/>
  </si>
  <si>
    <t>サロンド　マリーン</t>
  </si>
  <si>
    <t>富山市水橋辻ケ堂１２０－１９</t>
  </si>
  <si>
    <t>Ｓｍａｒｔ　Ｓｑｕａｒｅ　Ｂ　１０６</t>
  </si>
  <si>
    <t>ＫＡＮＧＯＬＳＡＬＯＮ　ＴＯＹＡＭＡＣＥＮＴＲＡＬ</t>
  </si>
  <si>
    <t>リリー美容室</t>
  </si>
  <si>
    <t>グランバングス</t>
  </si>
  <si>
    <t>富山市水橋明治町１０７</t>
  </si>
  <si>
    <t>0376</t>
  </si>
  <si>
    <t>富山市上赤江町１ー８ー６５</t>
  </si>
  <si>
    <t>美容室　バル・クリエ</t>
  </si>
  <si>
    <t>ＨＡＩＲ　ＳＴＵＤＩＯ　Ｐｉｃｋ・ｕｐ</t>
  </si>
  <si>
    <t>富山市安野屋町２ー６ー１４</t>
  </si>
  <si>
    <t>田中美容院</t>
  </si>
  <si>
    <t>富山市新富町１ー３ー１６</t>
  </si>
  <si>
    <t>pono pono</t>
  </si>
  <si>
    <t>富山市新富町１－３－１６</t>
  </si>
  <si>
    <t>0835</t>
  </si>
  <si>
    <t>富山市婦中町田島５８６　ポイントスクエアＡ－１</t>
    <rPh sb="0" eb="3">
      <t>トヤマシ</t>
    </rPh>
    <rPh sb="3" eb="6">
      <t>フチュウマチ</t>
    </rPh>
    <phoneticPr fontId="2"/>
  </si>
  <si>
    <t>0696</t>
  </si>
  <si>
    <t>株式会社　LUCE</t>
    <rPh sb="0" eb="4">
      <t>カブシキガイシャ</t>
    </rPh>
    <phoneticPr fontId="2"/>
  </si>
  <si>
    <t>富山県富山市呉羽町７３４５</t>
  </si>
  <si>
    <t>富山市窪本町１５－４１</t>
    <rPh sb="0" eb="3">
      <t>トヤマシ</t>
    </rPh>
    <rPh sb="3" eb="4">
      <t>クボ</t>
    </rPh>
    <rPh sb="4" eb="5">
      <t>ホン</t>
    </rPh>
    <rPh sb="5" eb="6">
      <t>マチ</t>
    </rPh>
    <phoneticPr fontId="2"/>
  </si>
  <si>
    <t>富山市大町西部２７３－１</t>
  </si>
  <si>
    <t>富山市平岡３４４４－１</t>
  </si>
  <si>
    <t>富山市婦中町下坂倉２５－４</t>
  </si>
  <si>
    <t>富山市布瀬本町１２－１０</t>
  </si>
  <si>
    <t>富山市婦中町速星３区７２４</t>
  </si>
  <si>
    <t>寺垣ビル１階</t>
    <rPh sb="0" eb="2">
      <t>テラガキ</t>
    </rPh>
    <rPh sb="5" eb="6">
      <t>カイ</t>
    </rPh>
    <phoneticPr fontId="2"/>
  </si>
  <si>
    <t>Ｈａｉｒ　Ｌｏｏｐ　ａｎｄ　Ｌｏｏｐ</t>
  </si>
  <si>
    <t>富山市新庄新町５８</t>
  </si>
  <si>
    <t>0840</t>
  </si>
  <si>
    <t>0020</t>
  </si>
  <si>
    <t>エレガンス呉羽1Ｆ</t>
    <rPh sb="5" eb="7">
      <t>クレハ</t>
    </rPh>
    <phoneticPr fontId="2"/>
  </si>
  <si>
    <t>富山市稲荷元町２ー１１ー１　</t>
  </si>
  <si>
    <t>Ｈａｉｒ　Ｓａｌｏｎ　Ｈａｎａ</t>
  </si>
  <si>
    <t>美容院カシ井</t>
  </si>
  <si>
    <t>富山市西中野本町９ー８</t>
  </si>
  <si>
    <t>東京美容室</t>
  </si>
  <si>
    <t>富山市奥田双葉町１２ー１４</t>
  </si>
  <si>
    <t>新潟市中央区万代四丁目2-23</t>
    <rPh sb="0" eb="3">
      <t>ニイガタシ</t>
    </rPh>
    <rPh sb="3" eb="6">
      <t>チュウオウク</t>
    </rPh>
    <rPh sb="6" eb="8">
      <t>バンダイ</t>
    </rPh>
    <rPh sb="8" eb="11">
      <t>ヨンチョウメ</t>
    </rPh>
    <phoneticPr fontId="2"/>
  </si>
  <si>
    <t>ｈａｉｒ　ｓａｌｏｎ　ｔｅｒｒａｃｅ</t>
  </si>
  <si>
    <t>兵庫県西宮市津門川町１－１</t>
  </si>
  <si>
    <t>ｓａｌｏｎ　チアリス</t>
  </si>
  <si>
    <t>ａｎｇｌｅ　ｏｆ　ｅｉｇｈｔ</t>
  </si>
  <si>
    <t>Ｄｅａｒｓ　富山店</t>
  </si>
  <si>
    <t>Ｃｈｅｅｒｆｕｌ</t>
  </si>
  <si>
    <t>ＢＬＯＷ　ＵＰ</t>
  </si>
  <si>
    <t>0412</t>
  </si>
  <si>
    <t>グロッシィヘア　レディ・ゴー</t>
  </si>
  <si>
    <t>ビューティスタジオ髪遊</t>
  </si>
  <si>
    <t>0721</t>
  </si>
  <si>
    <t>ｃｏｗ．</t>
  </si>
  <si>
    <t>Ｃｏｉｆｆｕｒｅ浅衣</t>
  </si>
  <si>
    <t>富山市磯部町三丁目２－２</t>
    <rPh sb="0" eb="3">
      <t>トヤマシ</t>
    </rPh>
    <rPh sb="3" eb="5">
      <t>イソベ</t>
    </rPh>
    <rPh sb="5" eb="6">
      <t>マチ</t>
    </rPh>
    <rPh sb="6" eb="9">
      <t>サンチョウメ</t>
    </rPh>
    <phoneticPr fontId="2"/>
  </si>
  <si>
    <t>富山市総曲輪４ー６ー８</t>
  </si>
  <si>
    <t>富山市上本町６－３</t>
  </si>
  <si>
    <t>ＨＡＩＲ　ＳＡＬＯＮ　ＩＷＡＳＡＫＩ</t>
  </si>
  <si>
    <t>富山市下大久保１７７３－１０</t>
  </si>
  <si>
    <t>ヤナギ美容院</t>
  </si>
  <si>
    <t>オアシス荒川１０１</t>
    <rPh sb="4" eb="6">
      <t>アラカワ</t>
    </rPh>
    <phoneticPr fontId="2"/>
  </si>
  <si>
    <t>丸芳ビル１Ｆ東</t>
  </si>
  <si>
    <t>富山市太田口通り三丁目1-13</t>
    <rPh sb="0" eb="3">
      <t>トヤマシ</t>
    </rPh>
    <rPh sb="3" eb="5">
      <t>オオタ</t>
    </rPh>
    <rPh sb="5" eb="6">
      <t>クチ</t>
    </rPh>
    <rPh sb="6" eb="7">
      <t>トオ</t>
    </rPh>
    <rPh sb="8" eb="11">
      <t>サンチョウメ</t>
    </rPh>
    <phoneticPr fontId="2"/>
  </si>
  <si>
    <t>ＤＥＣＯＲ（デコール）</t>
  </si>
  <si>
    <t>富山市文京町２丁目９ー５</t>
  </si>
  <si>
    <t>富山市堀川町７１</t>
  </si>
  <si>
    <t>富山市二口町５－６－９</t>
  </si>
  <si>
    <t>0027</t>
  </si>
  <si>
    <t>ジッピー　ヘアー　コレクション</t>
  </si>
  <si>
    <t>富山市西田地方町１ー６ー１２</t>
  </si>
  <si>
    <t>富山市山室５－１</t>
  </si>
  <si>
    <t>富山市布瀬町南３－４－４</t>
  </si>
  <si>
    <t>ビューティサロンくにみ</t>
  </si>
  <si>
    <t>0479</t>
  </si>
  <si>
    <t>Ｈａｉｒ　Ｍａｋｅ　ｆｒａｉｓｅ</t>
  </si>
  <si>
    <t>富山市町村１－１</t>
  </si>
  <si>
    <t>中川第２ビル</t>
  </si>
  <si>
    <t>美まつ毛＆美まゆ毛専門店　Ｐｅｒｆｅｃｔ Ｅｙｅ 富山新根塚店</t>
    <rPh sb="0" eb="1">
      <t>ビ</t>
    </rPh>
    <rPh sb="3" eb="4">
      <t>ゲ</t>
    </rPh>
    <rPh sb="5" eb="6">
      <t>ビ</t>
    </rPh>
    <rPh sb="8" eb="9">
      <t>ゲ</t>
    </rPh>
    <rPh sb="9" eb="12">
      <t>センモンテン</t>
    </rPh>
    <phoneticPr fontId="2"/>
  </si>
  <si>
    <t>富山県富山市砂町１－１２　コンチネンタル砂町１０３号</t>
  </si>
  <si>
    <t>0185</t>
  </si>
  <si>
    <t>コンチネンタル清水Ａ棟</t>
    <rPh sb="7" eb="9">
      <t>シミズ</t>
    </rPh>
    <rPh sb="10" eb="11">
      <t>トウ</t>
    </rPh>
    <phoneticPr fontId="2"/>
  </si>
  <si>
    <t>富山市丸の内３－３－６</t>
  </si>
  <si>
    <t>ｆｅｅｌ　ｂｙ　ＳＨＡＲＡＫＵ</t>
  </si>
  <si>
    <t>富山市羽根５２５－１</t>
    <rPh sb="0" eb="3">
      <t>トヤマシ</t>
    </rPh>
    <rPh sb="3" eb="5">
      <t>ハネ</t>
    </rPh>
    <phoneticPr fontId="2"/>
  </si>
  <si>
    <t>富山市上冨居３－５－５</t>
  </si>
  <si>
    <t>富山市田畠３０３－５</t>
  </si>
  <si>
    <t>富山市水橋伊勢屋１３１</t>
  </si>
  <si>
    <t>0082</t>
  </si>
  <si>
    <t>富山市東富山寿町１－１１－２８</t>
  </si>
  <si>
    <t>富山市呉羽冨田町１６４ー５</t>
  </si>
  <si>
    <t>富山市下新北町２ー１７</t>
  </si>
  <si>
    <t>ＬＩＤＯ　婦中店</t>
  </si>
  <si>
    <t>有限会社　　サクセス　</t>
  </si>
  <si>
    <t>富山市天正寺１１４０</t>
  </si>
  <si>
    <t>ｍｙｇｎｏｎ．</t>
  </si>
  <si>
    <t>村山ビル１Ｆ　　　　</t>
  </si>
  <si>
    <t>0574</t>
  </si>
  <si>
    <t>ビューティサロンヨシノ</t>
  </si>
  <si>
    <t>0117</t>
  </si>
  <si>
    <t>くまの美容室</t>
  </si>
  <si>
    <t>ａｔ　ｅａｓｅ</t>
  </si>
  <si>
    <t>富山市町村２－２</t>
  </si>
  <si>
    <t>0678</t>
  </si>
  <si>
    <t>0216</t>
  </si>
  <si>
    <t>富山市山室１２０－１２</t>
  </si>
  <si>
    <t>富山市千石町５－６－２</t>
    <rPh sb="0" eb="3">
      <t>トヤマシ</t>
    </rPh>
    <rPh sb="3" eb="6">
      <t>センゴクマチ</t>
    </rPh>
    <phoneticPr fontId="2"/>
  </si>
  <si>
    <t>富山市総曲輪四丁目８－２２</t>
    <rPh sb="0" eb="3">
      <t>トヤマシ</t>
    </rPh>
    <rPh sb="3" eb="6">
      <t>ソウガワ</t>
    </rPh>
    <rPh sb="6" eb="9">
      <t>ヨンチョウメ</t>
    </rPh>
    <phoneticPr fontId="2"/>
  </si>
  <si>
    <t>ゲロン美容室</t>
  </si>
  <si>
    <t>富山市公文名１</t>
  </si>
  <si>
    <t>ワームスヘアー</t>
  </si>
  <si>
    <t>髪と生活　ＭＵＵＣＨＩ（ムーチ）</t>
  </si>
  <si>
    <t>ビューティスポット　彩佳</t>
  </si>
  <si>
    <t>Ｒ＆Ｐ　合同会社</t>
  </si>
  <si>
    <t>富山市中川原新町６５</t>
  </si>
  <si>
    <t>ビー・フラット</t>
  </si>
  <si>
    <t>Ｋｉｒａｒｉ　株式会社　</t>
  </si>
  <si>
    <t>Ｌａ　Ｐａｃｅ　ラ・パーチェ</t>
  </si>
  <si>
    <t>富山市堀川小泉町１－７－５</t>
  </si>
  <si>
    <t>0673</t>
  </si>
  <si>
    <t>富山市婦中町下轡田８１－１</t>
  </si>
  <si>
    <t>富山市旭町３－３　１Ｆ</t>
  </si>
  <si>
    <t>リボン美容室</t>
  </si>
  <si>
    <t>ポエシア・ブランカ102号室</t>
    <rPh sb="12" eb="14">
      <t>ゴウシツ</t>
    </rPh>
    <phoneticPr fontId="2"/>
  </si>
  <si>
    <t>ＯＲＵＭ</t>
  </si>
  <si>
    <t>ｒｉｔａ　株式会社</t>
    <rPh sb="5" eb="7">
      <t>カブシキ</t>
    </rPh>
    <rPh sb="7" eb="9">
      <t>カイシャ</t>
    </rPh>
    <phoneticPr fontId="2"/>
  </si>
  <si>
    <t>富山市小泉町中部４２</t>
  </si>
  <si>
    <t>富山市掛尾町４３ー１</t>
  </si>
  <si>
    <t>富山市総曲輪４ー３ー６</t>
  </si>
  <si>
    <t>アピア１Ｆ</t>
  </si>
  <si>
    <t>UNFADE．eyelash salon</t>
  </si>
  <si>
    <t>富山市太郎丸西町１－８－３</t>
  </si>
  <si>
    <t>ＱＵＰＬＥ</t>
  </si>
  <si>
    <t>リド館出店（LIDO)</t>
    <rPh sb="2" eb="4">
      <t>タチイデ</t>
    </rPh>
    <rPh sb="4" eb="5">
      <t>テン</t>
    </rPh>
    <phoneticPr fontId="2"/>
  </si>
  <si>
    <t>0681</t>
  </si>
  <si>
    <t>0079</t>
  </si>
  <si>
    <t>0194</t>
  </si>
  <si>
    <t>富山市小泉町８２</t>
    <rPh sb="0" eb="3">
      <t>トヤマシ</t>
    </rPh>
    <rPh sb="3" eb="6">
      <t>コイズミチョウ</t>
    </rPh>
    <phoneticPr fontId="2"/>
  </si>
  <si>
    <t>ビューティサロンすぎむら美容室</t>
  </si>
  <si>
    <t>富山市婦中町田島８２８－４</t>
    <rPh sb="0" eb="3">
      <t>トヤマシ</t>
    </rPh>
    <rPh sb="3" eb="6">
      <t>フチュウマチ</t>
    </rPh>
    <rPh sb="6" eb="8">
      <t>タジマ</t>
    </rPh>
    <phoneticPr fontId="2"/>
  </si>
  <si>
    <t>0023</t>
  </si>
  <si>
    <t>富山市新園町１１９－３</t>
  </si>
  <si>
    <t>0478</t>
  </si>
  <si>
    <t>富山市森２－１３－４５</t>
  </si>
  <si>
    <t>美容室てたに</t>
  </si>
  <si>
    <t>ヘアーショップ　ジム</t>
  </si>
  <si>
    <t>0305</t>
  </si>
  <si>
    <t>0585</t>
  </si>
  <si>
    <t>富山市草島２１５－３</t>
  </si>
  <si>
    <t>富山市吉作４８６ー３０</t>
  </si>
  <si>
    <t>富山市東町二丁目４－５</t>
    <rPh sb="0" eb="3">
      <t>トヤマシ</t>
    </rPh>
    <rPh sb="3" eb="4">
      <t>ヒガシ</t>
    </rPh>
    <rPh sb="4" eb="5">
      <t>マチ</t>
    </rPh>
    <rPh sb="5" eb="8">
      <t>ニチョウメ</t>
    </rPh>
    <phoneticPr fontId="2"/>
  </si>
  <si>
    <t>美容室　まり</t>
  </si>
  <si>
    <t>富山市呉羽町６８０７－３３</t>
    <rPh sb="0" eb="3">
      <t>トヤマシ</t>
    </rPh>
    <rPh sb="3" eb="6">
      <t>クレハマチ</t>
    </rPh>
    <phoneticPr fontId="2"/>
  </si>
  <si>
    <t>富山県高岡市東上関３０６－２　信開ドムズ駅南２０１</t>
  </si>
  <si>
    <t>富山市豊川町５ー７</t>
  </si>
  <si>
    <t>富山市五艘９２９－１０</t>
    <rPh sb="0" eb="3">
      <t>トヤマシ</t>
    </rPh>
    <phoneticPr fontId="2"/>
  </si>
  <si>
    <t>Ｌｕｄｏｖｉｃｏ（ルドビコ）</t>
  </si>
  <si>
    <t>0131</t>
  </si>
  <si>
    <t>0198</t>
  </si>
  <si>
    <t>富山市於保多町５－１５　亀谷アパート</t>
    <rPh sb="12" eb="14">
      <t>カメヤ</t>
    </rPh>
    <phoneticPr fontId="2"/>
  </si>
  <si>
    <t>学校法人　和楽学園</t>
    <rPh sb="0" eb="2">
      <t>ガッコウ</t>
    </rPh>
    <rPh sb="2" eb="4">
      <t>ホウジン</t>
    </rPh>
    <rPh sb="5" eb="7">
      <t>ワラク</t>
    </rPh>
    <rPh sb="7" eb="9">
      <t>ガクエン</t>
    </rPh>
    <phoneticPr fontId="2"/>
  </si>
  <si>
    <t>いなば美容室</t>
  </si>
  <si>
    <t>Ｈａｉｒ　ｓａｌｏｎ　Ｒｅｆｕａ</t>
  </si>
  <si>
    <t>富山市上飯野新町２ー２２</t>
  </si>
  <si>
    <t>0351</t>
  </si>
  <si>
    <t>インペリアルウィング富山迎賓館</t>
  </si>
  <si>
    <t>富山市中島２－８－３２</t>
  </si>
  <si>
    <t>0559</t>
  </si>
  <si>
    <t>ヴィオラ</t>
  </si>
  <si>
    <t>富山市大町３－１６</t>
  </si>
  <si>
    <t>ヴーレーヴー</t>
  </si>
  <si>
    <t>富山市本郷町５区１３０－８</t>
  </si>
  <si>
    <t>0290</t>
  </si>
  <si>
    <t>0532</t>
  </si>
  <si>
    <t>0203</t>
  </si>
  <si>
    <t>ｓａｍｉ　ｓａｍｉ　美容室</t>
  </si>
  <si>
    <t>0345</t>
  </si>
  <si>
    <t>きいろとみどり　大泉店</t>
    <rPh sb="8" eb="10">
      <t>オオイズミ</t>
    </rPh>
    <phoneticPr fontId="2"/>
  </si>
  <si>
    <t>富山市長柄町３ー１ー２</t>
  </si>
  <si>
    <t>うえの美容院</t>
  </si>
  <si>
    <t>エイト美容室</t>
  </si>
  <si>
    <t>富山市中島３ー５ー４３</t>
  </si>
  <si>
    <t>0804</t>
  </si>
  <si>
    <t>0528</t>
  </si>
  <si>
    <t>富山市楡原６６４－２１</t>
  </si>
  <si>
    <t>津林ビル１Ｆ</t>
  </si>
  <si>
    <t>株式会社Ｒａｄｉａｎｔ</t>
    <rPh sb="0" eb="4">
      <t>カブシキガイシャ</t>
    </rPh>
    <phoneticPr fontId="2"/>
  </si>
  <si>
    <t>エリカ美容室</t>
  </si>
  <si>
    <t>富山市駒見３７２ー４８</t>
  </si>
  <si>
    <t>0427</t>
  </si>
  <si>
    <t>0593</t>
  </si>
  <si>
    <t>ＨＯＯ(ホー)</t>
  </si>
  <si>
    <t>ビューティサロン・いがらし</t>
  </si>
  <si>
    <t>パークコート城東D棟8号</t>
    <rPh sb="6" eb="8">
      <t>ジョウトウ</t>
    </rPh>
    <rPh sb="9" eb="10">
      <t>トウ</t>
    </rPh>
    <rPh sb="11" eb="12">
      <t>ゴウ</t>
    </rPh>
    <phoneticPr fontId="2"/>
  </si>
  <si>
    <t>0063</t>
  </si>
  <si>
    <t>富山市銀嶺町８－２８</t>
  </si>
  <si>
    <t>すわ美容室</t>
  </si>
  <si>
    <t>おかざわ美容室</t>
  </si>
  <si>
    <t>アーム美容室　</t>
  </si>
  <si>
    <t>ベルファムタカサキ</t>
  </si>
  <si>
    <t>富山市呉羽本町２９６１</t>
  </si>
  <si>
    <t>美容室モア</t>
  </si>
  <si>
    <t>0369</t>
  </si>
  <si>
    <t>富山市山室３０３－４</t>
  </si>
  <si>
    <t>ヘア＆エステはまざき奥田店</t>
  </si>
  <si>
    <t>富山市金代３９１</t>
  </si>
  <si>
    <t>富山市上野寿町１３ー６</t>
  </si>
  <si>
    <t>富山市吉岡４１３</t>
  </si>
  <si>
    <t>イーストテラス1-B</t>
  </si>
  <si>
    <t>ヘアー　イズム・アンズー</t>
  </si>
  <si>
    <t>ビューティサロン豊若</t>
  </si>
  <si>
    <t>富山市四ツ葉町２２－２２</t>
    <rPh sb="0" eb="3">
      <t>トヤマシ</t>
    </rPh>
    <rPh sb="3" eb="4">
      <t>ヨ</t>
    </rPh>
    <rPh sb="5" eb="7">
      <t>バチョウ</t>
    </rPh>
    <phoneticPr fontId="2"/>
  </si>
  <si>
    <t>富山市柳町４ー２ー２</t>
  </si>
  <si>
    <t>カット．イン．タカシマ</t>
  </si>
  <si>
    <t>0367</t>
  </si>
  <si>
    <t>富山市婦中町田屋１２３２番地</t>
  </si>
  <si>
    <t>富山市布瀬町南２－１－９</t>
  </si>
  <si>
    <t>ヘアーインフォーメーションアキ</t>
  </si>
  <si>
    <t>ヘアプロデュース　クリーク</t>
  </si>
  <si>
    <t>富山市桜木町１０ー１０</t>
  </si>
  <si>
    <t>ヘアープロデゥース　ＵＰ　Ｌｉｐｓ．Ｗ</t>
  </si>
  <si>
    <t>Ｏｒｂ（オーブ）</t>
  </si>
  <si>
    <t>0537</t>
  </si>
  <si>
    <t>ｇａｒａｎ（ガラン）</t>
  </si>
  <si>
    <t>太陽ビル　１Ｆ</t>
    <rPh sb="0" eb="2">
      <t>タイヨウ</t>
    </rPh>
    <phoneticPr fontId="2"/>
  </si>
  <si>
    <t>DOI</t>
  </si>
  <si>
    <t>美容室デジール</t>
  </si>
  <si>
    <t>富山市花園町三丁目２－８</t>
    <rPh sb="6" eb="9">
      <t>サンチョウメ</t>
    </rPh>
    <phoneticPr fontId="2"/>
  </si>
  <si>
    <t>カット＆パーマ　ハピニス</t>
  </si>
  <si>
    <t>富山市堀川町５８０－２１</t>
    <rPh sb="0" eb="3">
      <t>トヤマシ</t>
    </rPh>
    <rPh sb="3" eb="6">
      <t>ホリカワマチ</t>
    </rPh>
    <phoneticPr fontId="2"/>
  </si>
  <si>
    <t>カットハウスなかだ</t>
  </si>
  <si>
    <t>0282</t>
  </si>
  <si>
    <t>クリエイション</t>
  </si>
  <si>
    <t>ｈａｉｒ ａｅｓｔｈｅｔｉｃ Ｉｒｉｓ</t>
  </si>
  <si>
    <t>カットハウス美人</t>
  </si>
  <si>
    <t>富山県富山市中央通り２－３－３９　中教院モルティ１Ｆ</t>
  </si>
  <si>
    <t>富山市大泉北町１０ー５</t>
  </si>
  <si>
    <t>富山市茶屋町７９－１０</t>
  </si>
  <si>
    <t>富山市高園町１９ー３１</t>
  </si>
  <si>
    <t>富山市五福３２１６－８</t>
  </si>
  <si>
    <t>富山市天正寺１０７７</t>
  </si>
  <si>
    <t>かをる美容室</t>
  </si>
  <si>
    <t>Ｆａｍｍｓ（フェイムス）</t>
  </si>
  <si>
    <t>髪剪處　満天の湯富山店</t>
  </si>
  <si>
    <t>0576</t>
  </si>
  <si>
    <t>富山県富山市中央通り１－２－７</t>
  </si>
  <si>
    <t>クレア</t>
  </si>
  <si>
    <t>富山市中央通り１－２－７</t>
  </si>
  <si>
    <t>富山市山室２３５－１</t>
  </si>
  <si>
    <t>ＫＵＫＵＩ　ＨＡＩＲ</t>
  </si>
  <si>
    <t>きくら美容室　アクア・モ－ル</t>
  </si>
  <si>
    <t>Ｅｙｅｌａｓｈ　Ｓａｌｏｎ　Ｂｌａｎｃ</t>
  </si>
  <si>
    <t>きくら美容室　アピア店</t>
  </si>
  <si>
    <t>マミー美容室</t>
  </si>
  <si>
    <t>0460</t>
  </si>
  <si>
    <t>株式会社　キレイコムＤｅｕｃｅ</t>
    <rPh sb="0" eb="2">
      <t>カブシキ</t>
    </rPh>
    <rPh sb="2" eb="4">
      <t>カイシャ</t>
    </rPh>
    <phoneticPr fontId="2"/>
  </si>
  <si>
    <t>きく美容室</t>
  </si>
  <si>
    <t>富山市久方町７－１３</t>
  </si>
  <si>
    <t>富山市婦中町夢ケ丘２２２－２</t>
  </si>
  <si>
    <t>ラ・フォルマ</t>
  </si>
  <si>
    <t>キレイ美容室</t>
  </si>
  <si>
    <t>タカサンビル１Ｆ</t>
  </si>
  <si>
    <t>0340</t>
  </si>
  <si>
    <t>ヘアースタジオ　リアン</t>
  </si>
  <si>
    <t>ｐｉｍｉｌ</t>
  </si>
  <si>
    <t>ヘアーガーデン　フィカス</t>
  </si>
  <si>
    <t>富山市婦中町砂子田６０３</t>
  </si>
  <si>
    <t>富山市開発１８６</t>
  </si>
  <si>
    <t>富山市山室２ー１２１</t>
  </si>
  <si>
    <t>杉森ビル１Ｆ</t>
    <rPh sb="0" eb="2">
      <t>スギモリ</t>
    </rPh>
    <phoneticPr fontId="2"/>
  </si>
  <si>
    <t>Ｌｕｔｚ</t>
  </si>
  <si>
    <t>楚々（ミヤモト）</t>
    <rPh sb="0" eb="2">
      <t>ソソ</t>
    </rPh>
    <phoneticPr fontId="2"/>
  </si>
  <si>
    <t>富山市鹿島町１ー６ー７</t>
  </si>
  <si>
    <t>0235</t>
  </si>
  <si>
    <t>0609</t>
  </si>
  <si>
    <t>富山市呉羽町３０２５ー４</t>
  </si>
  <si>
    <t>Ｈａｉｒ　ｐｒｏｄｕｃｅ　Ａｍｉ　Ｈｅａｌｉｎｇ　ｚｏｎｅ</t>
  </si>
  <si>
    <t>富山市呉羽町３７２７－８</t>
  </si>
  <si>
    <t>ゴフク美容室</t>
  </si>
  <si>
    <t>0318</t>
  </si>
  <si>
    <t>0001</t>
  </si>
  <si>
    <t>富山市堀川町９８</t>
  </si>
  <si>
    <t>富山市堀川小泉町857</t>
    <rPh sb="0" eb="3">
      <t>トヤマシ</t>
    </rPh>
    <rPh sb="3" eb="5">
      <t>ホリカワ</t>
    </rPh>
    <rPh sb="5" eb="8">
      <t>コイズミチョウ</t>
    </rPh>
    <phoneticPr fontId="2"/>
  </si>
  <si>
    <t>富山市開８８</t>
  </si>
  <si>
    <t>さつき美容室</t>
  </si>
  <si>
    <t>富山市新庄町４－８－２３</t>
  </si>
  <si>
    <t>グランカメリア　１Ｆ</t>
  </si>
  <si>
    <t>富山市本郷町241-25</t>
    <rPh sb="0" eb="3">
      <t>トヤマシ</t>
    </rPh>
    <rPh sb="3" eb="5">
      <t>ホンゴウ</t>
    </rPh>
    <rPh sb="5" eb="6">
      <t>マチ</t>
    </rPh>
    <phoneticPr fontId="2"/>
  </si>
  <si>
    <t>ぱあまや　ルーシー</t>
  </si>
  <si>
    <t>ＤＡＺＺＬＥ Ａ</t>
  </si>
  <si>
    <t>富山市北代３６８０－１</t>
  </si>
  <si>
    <t>0629</t>
  </si>
  <si>
    <t>河田ビル１Ｆ　Ａ</t>
    <rPh sb="0" eb="2">
      <t>カワダ</t>
    </rPh>
    <phoneticPr fontId="2"/>
  </si>
  <si>
    <t>富山市山室荒屋新町１０－１</t>
  </si>
  <si>
    <t>富山市本郷町３区４４ー２４</t>
  </si>
  <si>
    <t>富山市月岡西緑町２３１</t>
  </si>
  <si>
    <t>ＲＡＺＺＯ</t>
  </si>
  <si>
    <t>富山市秋吉１６３－１７</t>
    <rPh sb="0" eb="3">
      <t>トヤマシ</t>
    </rPh>
    <rPh sb="3" eb="5">
      <t>アキヨシ</t>
    </rPh>
    <phoneticPr fontId="2"/>
  </si>
  <si>
    <t>0546</t>
  </si>
  <si>
    <t>solana</t>
  </si>
  <si>
    <t>サワダ美容室</t>
  </si>
  <si>
    <t>富山市五福４５１１ー１</t>
  </si>
  <si>
    <t>さわ美容室</t>
  </si>
  <si>
    <t>Ａｄｏｒａｂｌｅ　ｈａｉｒ　ｓａｌｏｎ</t>
  </si>
  <si>
    <t>富山市寺町１１３６</t>
  </si>
  <si>
    <t>富山市上冨居二丁目２６―２７</t>
    <rPh sb="0" eb="3">
      <t>トヤマシ</t>
    </rPh>
    <rPh sb="3" eb="6">
      <t>カミフゴ</t>
    </rPh>
    <rPh sb="6" eb="9">
      <t>ニチョウメ</t>
    </rPh>
    <phoneticPr fontId="2"/>
  </si>
  <si>
    <t>ビューティサロンユリカ</t>
  </si>
  <si>
    <t>富山市一番町３－２２</t>
  </si>
  <si>
    <t>富山市太郎丸西町一丁目８－３</t>
    <rPh sb="0" eb="3">
      <t>トヤマシ</t>
    </rPh>
    <rPh sb="3" eb="6">
      <t>タロウマル</t>
    </rPh>
    <rPh sb="6" eb="8">
      <t>ニシチョウ</t>
    </rPh>
    <rPh sb="8" eb="11">
      <t>イッチョウメ</t>
    </rPh>
    <phoneticPr fontId="2"/>
  </si>
  <si>
    <t>富山市呉羽町７３５５－４５</t>
    <rPh sb="0" eb="3">
      <t>トヤマシ</t>
    </rPh>
    <rPh sb="3" eb="6">
      <t>クレハマチ</t>
    </rPh>
    <phoneticPr fontId="2"/>
  </si>
  <si>
    <t>0772</t>
  </si>
  <si>
    <t>ロイヤル美容室</t>
  </si>
  <si>
    <t>富山第一ホテル美容室オンナガワ</t>
  </si>
  <si>
    <t>富山市婦中町分田８８－２７</t>
  </si>
  <si>
    <t>ｒ’Ａｍｂｌ　ｈａｉｒ（ランブルヘアー）</t>
  </si>
  <si>
    <t>Ｍ・ＦＢＵＩＬⅡ</t>
  </si>
  <si>
    <t>シスター美容室</t>
  </si>
  <si>
    <t>富山市水橋辻ケ堂８３２－７</t>
  </si>
  <si>
    <t>ｈａｉｒ　ｍａｋｅ　じゅの</t>
  </si>
  <si>
    <t>Ｌｉｌｙ　ｎｇｅ（リリ―アンジュ）</t>
  </si>
  <si>
    <t>富山市新庄町３－７－２９</t>
  </si>
  <si>
    <t>ＳＳビル１Ｆ</t>
  </si>
  <si>
    <t>0667</t>
  </si>
  <si>
    <t>富山市才覚寺５０６－１</t>
  </si>
  <si>
    <t>ロマン美容室</t>
  </si>
  <si>
    <t>富山市森三丁目8-7</t>
    <rPh sb="0" eb="3">
      <t>トヤマシ</t>
    </rPh>
    <rPh sb="3" eb="4">
      <t>モリ</t>
    </rPh>
    <rPh sb="4" eb="7">
      <t>サンチョウメ</t>
    </rPh>
    <phoneticPr fontId="2"/>
  </si>
  <si>
    <t>0141</t>
  </si>
  <si>
    <t>有限会社　エムアンドピース</t>
  </si>
  <si>
    <t>Ｍｅｎ’ｓ　Ｈａｉｒ　Ｆｒｅｓｔａ</t>
  </si>
  <si>
    <t>有限会社　　美容室アオキ　</t>
  </si>
  <si>
    <t>しまだ美容室</t>
  </si>
  <si>
    <t>富山市大泉本町１ー１１ー２１</t>
  </si>
  <si>
    <t>0523</t>
  </si>
  <si>
    <t>0560</t>
  </si>
  <si>
    <t>富山市大町１２－３</t>
    <rPh sb="0" eb="3">
      <t>トヤマシ</t>
    </rPh>
    <rPh sb="3" eb="5">
      <t>オオマチ</t>
    </rPh>
    <phoneticPr fontId="2"/>
  </si>
  <si>
    <t>富山市清水町４－２－３</t>
  </si>
  <si>
    <t>Ｂ－Ｃｌａｙ（ブルー　クレイ）</t>
  </si>
  <si>
    <t>合同会社　BLUE LUG</t>
    <rPh sb="0" eb="2">
      <t>ゴウドウ</t>
    </rPh>
    <rPh sb="2" eb="4">
      <t>カイシャ</t>
    </rPh>
    <phoneticPr fontId="2"/>
  </si>
  <si>
    <t>富山市大泉東町一丁目9-24</t>
    <rPh sb="0" eb="3">
      <t>トヤマシ</t>
    </rPh>
    <rPh sb="3" eb="5">
      <t>オオイズミ</t>
    </rPh>
    <rPh sb="5" eb="6">
      <t>ヒガシ</t>
    </rPh>
    <rPh sb="6" eb="7">
      <t>マチ</t>
    </rPh>
    <rPh sb="7" eb="10">
      <t>イッチョウメ</t>
    </rPh>
    <phoneticPr fontId="2"/>
  </si>
  <si>
    <t>ナツコ美容室</t>
  </si>
  <si>
    <t>private eyelash salon one.</t>
  </si>
  <si>
    <t>富山市牛島新町3-7</t>
    <rPh sb="0" eb="3">
      <t>トヤマシ</t>
    </rPh>
    <rPh sb="3" eb="5">
      <t>ウシジマ</t>
    </rPh>
    <rPh sb="5" eb="7">
      <t>シンマチ</t>
    </rPh>
    <phoneticPr fontId="2"/>
  </si>
  <si>
    <t>美容室パンプルムース</t>
  </si>
  <si>
    <t>株式会社　　アートネイチャー</t>
  </si>
  <si>
    <t>ファースト秋吉３　１３６号室</t>
    <rPh sb="5" eb="7">
      <t>アキヨシ</t>
    </rPh>
    <rPh sb="12" eb="14">
      <t>ゴウシツ</t>
    </rPh>
    <phoneticPr fontId="2"/>
  </si>
  <si>
    <t>美容室レイヴ</t>
  </si>
  <si>
    <t>0394</t>
  </si>
  <si>
    <t>富山市新根塚町２－７－７</t>
  </si>
  <si>
    <t>coron</t>
  </si>
  <si>
    <t>富山市米田町２－８－１５</t>
  </si>
  <si>
    <t>スミ美容院</t>
  </si>
  <si>
    <t>富山市大泉北町９ー２１</t>
  </si>
  <si>
    <t>ビューティサロンミキ</t>
  </si>
  <si>
    <t>すみ美容室</t>
  </si>
  <si>
    <t>有限会社　　マザーシップ</t>
  </si>
  <si>
    <t>スワン美容室</t>
  </si>
  <si>
    <t>Ｂｏｕｑｕｅｔ</t>
  </si>
  <si>
    <t>ビューティースペース　アンビシャス</t>
  </si>
  <si>
    <t>ｃｕｏｒｅ　ｒｉｃｃｏ</t>
  </si>
  <si>
    <t>0582</t>
  </si>
  <si>
    <t>グリーンピース堀川　テナント２</t>
    <rPh sb="7" eb="9">
      <t>ホリカワ</t>
    </rPh>
    <phoneticPr fontId="2"/>
  </si>
  <si>
    <t>西野ビル１Ｆ</t>
  </si>
  <si>
    <t>0053</t>
  </si>
  <si>
    <t>0240</t>
  </si>
  <si>
    <t>富山市羽根６４－２</t>
  </si>
  <si>
    <t>富山県富山市大泉本町２丁目３－１４</t>
  </si>
  <si>
    <t>0058</t>
  </si>
  <si>
    <t>３匹の小ぶた</t>
  </si>
  <si>
    <t>そーう美容室南富山店</t>
  </si>
  <si>
    <t>富山市大泉本町２－３－１４</t>
  </si>
  <si>
    <t>0483</t>
  </si>
  <si>
    <t>富山市山室２５６－４</t>
  </si>
  <si>
    <t>ｏｈａｃｏ　ｂｉｙｏｕｓｈｉｔｓｕ</t>
  </si>
  <si>
    <t>Ａｇｕ ｈａｉｒ ｏｔｔｏ 呉羽店</t>
    <rPh sb="14" eb="16">
      <t>クレハ</t>
    </rPh>
    <rPh sb="16" eb="17">
      <t>テン</t>
    </rPh>
    <phoneticPr fontId="2"/>
  </si>
  <si>
    <t>富山市黒崎３１１－１</t>
  </si>
  <si>
    <t>0311</t>
  </si>
  <si>
    <t>富山市長江新町２ー６ー１８</t>
  </si>
  <si>
    <t>チェリー美容室</t>
  </si>
  <si>
    <t>富山市星井町３－４－１９</t>
  </si>
  <si>
    <t>ポニーテール</t>
  </si>
  <si>
    <t>0743</t>
  </si>
  <si>
    <t>ａｉｒ美容室</t>
  </si>
  <si>
    <t>富山市布目１０７５－１</t>
  </si>
  <si>
    <t>チャームストア奈里美の店</t>
  </si>
  <si>
    <t>富山市布瀬町１ー６ー１６</t>
  </si>
  <si>
    <t>0861</t>
  </si>
  <si>
    <t>富山市越前町３－１</t>
    <rPh sb="0" eb="3">
      <t>トヤマシ</t>
    </rPh>
    <rPh sb="3" eb="6">
      <t>エチゼンマチ</t>
    </rPh>
    <phoneticPr fontId="2"/>
  </si>
  <si>
    <t>富山県高岡市戸出町１－１－５１</t>
  </si>
  <si>
    <t>富山市荒川三丁目１７３番地４</t>
    <rPh sb="0" eb="3">
      <t>トヤマシ</t>
    </rPh>
    <rPh sb="3" eb="5">
      <t>アラカワ</t>
    </rPh>
    <rPh sb="5" eb="8">
      <t>サンチョウメ</t>
    </rPh>
    <rPh sb="11" eb="13">
      <t>バンチ</t>
    </rPh>
    <phoneticPr fontId="2"/>
  </si>
  <si>
    <t>0727</t>
  </si>
  <si>
    <t>美容室わだい</t>
  </si>
  <si>
    <t>0588</t>
  </si>
  <si>
    <t>富山市稲荷園町3-20</t>
    <rPh sb="0" eb="3">
      <t>トヤマシ</t>
    </rPh>
    <rPh sb="3" eb="5">
      <t>イナリ</t>
    </rPh>
    <rPh sb="5" eb="6">
      <t>ソノ</t>
    </rPh>
    <rPh sb="6" eb="7">
      <t>マチ</t>
    </rPh>
    <phoneticPr fontId="2"/>
  </si>
  <si>
    <t>ＢＮＫビル　１Ｆ</t>
  </si>
  <si>
    <t>リアン自共立美容室　株式会社　</t>
  </si>
  <si>
    <t>富山市常盤町１－９</t>
  </si>
  <si>
    <t>富山県富山市上赤江町２－１１－３</t>
  </si>
  <si>
    <t>ビューティアート　クリップ</t>
  </si>
  <si>
    <t>ときだ</t>
  </si>
  <si>
    <t>ＨＡＩＲ　ＤＲＥＳＳＩＮＧ　ＳＡＬＯＯＮ　浅名</t>
  </si>
  <si>
    <t>Ｈａｉｒ　Ｍａｋｅ　Ｌａｒｇｅ</t>
  </si>
  <si>
    <t>ビューティーサロン　Ｈａｎａ</t>
  </si>
  <si>
    <t>トチタニ美容室</t>
  </si>
  <si>
    <t>Emerge</t>
  </si>
  <si>
    <t>富山市布目２３７９－２</t>
  </si>
  <si>
    <t>0853</t>
  </si>
  <si>
    <t>ｃｈｉｌｌ　ｈａｉｒ（チル　ヘアー）</t>
  </si>
  <si>
    <t>0449</t>
  </si>
  <si>
    <t>0720</t>
  </si>
  <si>
    <t>富山市太田口通り二丁目３－１</t>
    <rPh sb="0" eb="3">
      <t>トヤマシ</t>
    </rPh>
    <rPh sb="3" eb="6">
      <t>オオタグチ</t>
    </rPh>
    <rPh sb="6" eb="7">
      <t>トオ</t>
    </rPh>
    <rPh sb="8" eb="11">
      <t>ニチョウメ</t>
    </rPh>
    <phoneticPr fontId="2"/>
  </si>
  <si>
    <t>0806</t>
  </si>
  <si>
    <t>アースヒルズ１Ｆ</t>
  </si>
  <si>
    <t>富山市太田口通り３－３－１０</t>
    <rPh sb="0" eb="3">
      <t>トヤマシ</t>
    </rPh>
    <rPh sb="3" eb="6">
      <t>オオタグチ</t>
    </rPh>
    <rPh sb="6" eb="7">
      <t>トオ</t>
    </rPh>
    <phoneticPr fontId="2"/>
  </si>
  <si>
    <t>0732</t>
  </si>
  <si>
    <t>ｙｕｋｉｈｉ　ｈａｉｒ</t>
  </si>
  <si>
    <t>富山市米田町１ー８ー３２</t>
  </si>
  <si>
    <t>0380</t>
  </si>
  <si>
    <t>株式会社　ＺＩＰＰＹ</t>
  </si>
  <si>
    <t>0303</t>
  </si>
  <si>
    <t>ｎｅｅｄＵ（ニイジュ）</t>
  </si>
  <si>
    <t>富山市婦中町田島９８２－３</t>
  </si>
  <si>
    <t>富山市西公文名町10-23</t>
    <rPh sb="0" eb="3">
      <t>トヤマシ</t>
    </rPh>
    <rPh sb="3" eb="4">
      <t>ニシ</t>
    </rPh>
    <rPh sb="4" eb="6">
      <t>クモン</t>
    </rPh>
    <rPh sb="6" eb="7">
      <t>ナ</t>
    </rPh>
    <rPh sb="7" eb="8">
      <t>マチ</t>
    </rPh>
    <phoneticPr fontId="2"/>
  </si>
  <si>
    <t>まつだ美容室</t>
  </si>
  <si>
    <t>0586</t>
  </si>
  <si>
    <t>0437</t>
  </si>
  <si>
    <t>大阪府藤井寺市春日丘３－１２－１</t>
  </si>
  <si>
    <t>富山市本郷町１３０ー８</t>
  </si>
  <si>
    <t>0672</t>
  </si>
  <si>
    <t>愛知県刈谷市高倉町二丁目206</t>
    <rPh sb="0" eb="3">
      <t>アイチケン</t>
    </rPh>
    <rPh sb="3" eb="5">
      <t>カリヤ</t>
    </rPh>
    <rPh sb="5" eb="6">
      <t>シ</t>
    </rPh>
    <rPh sb="6" eb="9">
      <t>タカクラマチ</t>
    </rPh>
    <rPh sb="9" eb="12">
      <t>ニチョウメ</t>
    </rPh>
    <phoneticPr fontId="2"/>
  </si>
  <si>
    <t>ＡｔｏＺ　ｈａｉｒ</t>
  </si>
  <si>
    <t>0601</t>
  </si>
  <si>
    <t>富山市新庄町１１４ー２</t>
  </si>
  <si>
    <t>富山市下新本町６ー５１</t>
  </si>
  <si>
    <t>富山市雄山町５－１６</t>
    <rPh sb="0" eb="3">
      <t>トヤマシ</t>
    </rPh>
    <rPh sb="3" eb="6">
      <t>オヤマチョウ</t>
    </rPh>
    <phoneticPr fontId="2"/>
  </si>
  <si>
    <t>0687</t>
  </si>
  <si>
    <t>富山市中川原１９４－１</t>
    <rPh sb="0" eb="3">
      <t>トヤマシ</t>
    </rPh>
    <rPh sb="3" eb="6">
      <t>ナカガワラ</t>
    </rPh>
    <phoneticPr fontId="2"/>
  </si>
  <si>
    <t>0736</t>
  </si>
  <si>
    <t>ハーブサロン　指甲花美容室</t>
  </si>
  <si>
    <t>富山市荒川常盤台１２－１２</t>
  </si>
  <si>
    <t>ぱあまやさ　さかざわ</t>
  </si>
  <si>
    <t>富山市大町１１１－１</t>
  </si>
  <si>
    <t>Ｒｅｓｐｅｃｔ・Ｔ‐Ｓ</t>
  </si>
  <si>
    <t>富山市堀川町２０５ー１</t>
  </si>
  <si>
    <t>0441</t>
  </si>
  <si>
    <t>0191</t>
  </si>
  <si>
    <t>ぱーまやさんマコ</t>
  </si>
  <si>
    <t>0798</t>
  </si>
  <si>
    <t>富山市呉羽丸冨町７１７９ー２２</t>
  </si>
  <si>
    <t>ｅｔｉｌ</t>
  </si>
  <si>
    <t>美容室　Ｃａｒｉｎａ・Ｃａｒｉｎｏ</t>
    <rPh sb="0" eb="3">
      <t>ビヨウシツ</t>
    </rPh>
    <phoneticPr fontId="2"/>
  </si>
  <si>
    <t>美ゅーてぃさろん太田</t>
  </si>
  <si>
    <t>美容室Ｐasha Ｃlub</t>
  </si>
  <si>
    <t>富山市婦中町速星５８４</t>
  </si>
  <si>
    <t>富山市婦中町宮ケ島２９０－１０</t>
  </si>
  <si>
    <t>富山市清水町４丁目１－１</t>
    <rPh sb="0" eb="3">
      <t>トヤマシ</t>
    </rPh>
    <rPh sb="3" eb="6">
      <t>シミズマチ</t>
    </rPh>
    <rPh sb="7" eb="9">
      <t>チョウメ</t>
    </rPh>
    <phoneticPr fontId="2"/>
  </si>
  <si>
    <t>0862</t>
  </si>
  <si>
    <t>0660</t>
  </si>
  <si>
    <t>富山市中川原１８３ー３</t>
  </si>
  <si>
    <t>富山県富山市経堂１－１５４</t>
  </si>
  <si>
    <t>0792</t>
  </si>
  <si>
    <t>Ｓｉｌｋｙ</t>
  </si>
  <si>
    <t>ハッピ美容院</t>
  </si>
  <si>
    <t>美容室　ケイ　プラス</t>
  </si>
  <si>
    <t>0035</t>
  </si>
  <si>
    <t>0525</t>
  </si>
  <si>
    <t>ビューティサロン　ＯＢＡＴＡ</t>
  </si>
  <si>
    <t>富山市つばめ野三丁目１</t>
    <rPh sb="6" eb="7">
      <t>ノ</t>
    </rPh>
    <rPh sb="7" eb="10">
      <t>サンチョウメ</t>
    </rPh>
    <phoneticPr fontId="2"/>
  </si>
  <si>
    <t>Body salon N</t>
  </si>
  <si>
    <t>富山市豊田町１－１２－２３</t>
  </si>
  <si>
    <t>美容室マジュレ</t>
  </si>
  <si>
    <t>富山市緑町２ー５ー４</t>
  </si>
  <si>
    <t>富山市浜黒崎１４６８</t>
    <rPh sb="0" eb="3">
      <t>トヤマシ</t>
    </rPh>
    <rPh sb="3" eb="6">
      <t>ハマクロサキ</t>
    </rPh>
    <phoneticPr fontId="2"/>
  </si>
  <si>
    <t>富山市南新町４－４</t>
  </si>
  <si>
    <t>富山市清水町５－６－２１</t>
  </si>
  <si>
    <t>ひかり美容院</t>
  </si>
  <si>
    <t>ｔｉｒｏｉｒ（ティロワール）</t>
  </si>
  <si>
    <t>0556</t>
  </si>
  <si>
    <t>園美容室</t>
  </si>
  <si>
    <t>0071</t>
  </si>
  <si>
    <t>ひかり美容室</t>
  </si>
  <si>
    <t>株式会社　　ＭＡＱＵＩＡ</t>
  </si>
  <si>
    <t>ピュア　ヘアー　ファクトリィ</t>
  </si>
  <si>
    <t>富山市田中町３－１－１２</t>
  </si>
  <si>
    <t>富山市大泉１０－３</t>
  </si>
  <si>
    <t>富山市五番町5番1-1001</t>
    <rPh sb="0" eb="3">
      <t>トヤマシ</t>
    </rPh>
    <rPh sb="3" eb="6">
      <t>ゴバンマチ</t>
    </rPh>
    <rPh sb="7" eb="8">
      <t>バン</t>
    </rPh>
    <phoneticPr fontId="2"/>
  </si>
  <si>
    <t>富山市稲荷元町２ー７ー１０</t>
  </si>
  <si>
    <t>メンズ専門眉毛サロン　レブロ</t>
  </si>
  <si>
    <t>0087</t>
  </si>
  <si>
    <t>富山市中央通り１－６－４</t>
  </si>
  <si>
    <t>ビューテイサロンはやし</t>
  </si>
  <si>
    <t>富山市荒川５－３－１９</t>
  </si>
  <si>
    <t>ビューティサロン　レディ</t>
  </si>
  <si>
    <t>富山市婦中町長沢４５９２</t>
  </si>
  <si>
    <t>ｆｌｏｒ</t>
  </si>
  <si>
    <t>0202</t>
  </si>
  <si>
    <t>富山市安野屋町２ー２ー１７</t>
  </si>
  <si>
    <t>美容室モガ</t>
  </si>
  <si>
    <t>美容室やまびこ</t>
  </si>
  <si>
    <t>富山市二口町一丁目１－５</t>
    <rPh sb="0" eb="3">
      <t>トヤマシ</t>
    </rPh>
    <rPh sb="3" eb="5">
      <t>フタクチ</t>
    </rPh>
    <rPh sb="5" eb="6">
      <t>マチ</t>
    </rPh>
    <rPh sb="6" eb="9">
      <t>イッチョウメ</t>
    </rPh>
    <phoneticPr fontId="2"/>
  </si>
  <si>
    <t>0172</t>
  </si>
  <si>
    <t>0089</t>
  </si>
  <si>
    <t>美容室ヤマモト</t>
  </si>
  <si>
    <t>富山市奥田寿町１３ー２１</t>
  </si>
  <si>
    <t>富山市秋吉３１－６</t>
    <rPh sb="0" eb="3">
      <t>トヤマシ</t>
    </rPh>
    <rPh sb="3" eb="5">
      <t>アキヨシ</t>
    </rPh>
    <phoneticPr fontId="2"/>
  </si>
  <si>
    <t>美容室ラン</t>
  </si>
  <si>
    <t>富山市五番町６ー２　光ハイツ１Ｆ</t>
  </si>
  <si>
    <t>ワカバ美容室</t>
  </si>
  <si>
    <t>ワイ・ビズ・ヘアー</t>
  </si>
  <si>
    <t>富山市下赤江町１－１－５５</t>
  </si>
  <si>
    <t>富山市横内５３８</t>
  </si>
  <si>
    <t>0514</t>
  </si>
  <si>
    <t>Ｃａｌｄｏ</t>
  </si>
  <si>
    <t>ｅｙｅ　ｄｅｓｉｇｎ　Ｍｏｉ</t>
  </si>
  <si>
    <t>0488</t>
  </si>
  <si>
    <t>富山市北代３８００－１２</t>
  </si>
  <si>
    <t>0044</t>
  </si>
  <si>
    <t>富山市掛尾町６１６</t>
  </si>
  <si>
    <t>株式会社アトリエＮｏｅｌ</t>
  </si>
  <si>
    <t>サンリット１０３</t>
  </si>
  <si>
    <t>ｈａｉｒ．ｓｐａ．ｔｕｍｕｇｉ</t>
  </si>
  <si>
    <t>トルペ　ヘアデザイン</t>
  </si>
  <si>
    <t>富山市五福３４３０</t>
    <rPh sb="0" eb="3">
      <t>トヤマシ</t>
    </rPh>
    <rPh sb="3" eb="5">
      <t>ゴフク</t>
    </rPh>
    <phoneticPr fontId="2"/>
  </si>
  <si>
    <t>富山市山室２７</t>
  </si>
  <si>
    <t>富山市願海寺５０１ー３９</t>
  </si>
  <si>
    <t>0416</t>
  </si>
  <si>
    <t>布村美容室</t>
  </si>
  <si>
    <t>ＨＡＩＲ ＣＯＣＯ</t>
  </si>
  <si>
    <t>0151</t>
  </si>
  <si>
    <t>0475</t>
  </si>
  <si>
    <t>富山市経堂１－１６２－２</t>
  </si>
  <si>
    <t>富山市婦中町袋３０２－１０</t>
  </si>
  <si>
    <t>0214</t>
  </si>
  <si>
    <t>富山市森３－３－４８</t>
  </si>
  <si>
    <t>富山市八尾町杉田７９２－２</t>
  </si>
  <si>
    <t>ビューティサロン　マエダ</t>
  </si>
  <si>
    <t>0361</t>
  </si>
  <si>
    <t>富山市婦中町速星８４２－３</t>
  </si>
  <si>
    <t>富山市高屋敷８３３－１</t>
    <rPh sb="0" eb="3">
      <t>トヤマシ</t>
    </rPh>
    <rPh sb="3" eb="6">
      <t>タカヤシキ</t>
    </rPh>
    <phoneticPr fontId="2"/>
  </si>
  <si>
    <t>ビューティサロンいとう</t>
  </si>
  <si>
    <t>ビューティサロンエツコ</t>
  </si>
  <si>
    <t>富山市南栗山１０１</t>
  </si>
  <si>
    <t>富山市北代３区３６７８ー３</t>
  </si>
  <si>
    <t>0316</t>
  </si>
  <si>
    <t>美容室ＧＯＯ</t>
  </si>
  <si>
    <t>富山市山室３２２－２２　</t>
  </si>
  <si>
    <t>富山市婦中町友坂５８１０</t>
  </si>
  <si>
    <t>0124</t>
  </si>
  <si>
    <t>ビューティサロンサワダ</t>
  </si>
  <si>
    <t>美しの森　マザーグース</t>
    <rPh sb="0" eb="1">
      <t>ウツク</t>
    </rPh>
    <rPh sb="3" eb="4">
      <t>モリ</t>
    </rPh>
    <phoneticPr fontId="2"/>
  </si>
  <si>
    <t>富山市呉羽町６８０７－１６　</t>
  </si>
  <si>
    <t>株式会社　　ＴＹＲＡＮＮ</t>
  </si>
  <si>
    <t>ｓｈｅｅｒ　ｌｙｒｉｃ</t>
  </si>
  <si>
    <t>富山市上堀町５４－６</t>
  </si>
  <si>
    <t>富山市西町８－１４</t>
    <rPh sb="0" eb="3">
      <t>トヤマシ</t>
    </rPh>
    <phoneticPr fontId="2"/>
  </si>
  <si>
    <t>ＬＵＳＳＯ光陽１階Ｄ号室</t>
    <rPh sb="5" eb="7">
      <t>コウヨウ</t>
    </rPh>
    <rPh sb="8" eb="9">
      <t>カイ</t>
    </rPh>
    <rPh sb="10" eb="12">
      <t>ゴウシツ</t>
    </rPh>
    <phoneticPr fontId="2"/>
  </si>
  <si>
    <t>ビューティサロンジュン</t>
  </si>
  <si>
    <t>富山市掛尾町２８４－３</t>
    <rPh sb="0" eb="3">
      <t>トヤマシ</t>
    </rPh>
    <rPh sb="3" eb="6">
      <t>カケオマチ</t>
    </rPh>
    <phoneticPr fontId="2"/>
  </si>
  <si>
    <t>0008</t>
  </si>
  <si>
    <t>富山市石金１ー４ー２２</t>
  </si>
  <si>
    <t>富山市上飯野２０</t>
  </si>
  <si>
    <t>ビューティサロンスズキ</t>
  </si>
  <si>
    <t>舎上冨居１Ｄ</t>
    <rPh sb="0" eb="1">
      <t>シャ</t>
    </rPh>
    <rPh sb="1" eb="4">
      <t>カミフゴ</t>
    </rPh>
    <phoneticPr fontId="2"/>
  </si>
  <si>
    <t>富山県高岡市横田町１－１－１１</t>
  </si>
  <si>
    <t>美容室　ｂｌｅｕ　ｃｌａｉｒ　（ブル・クレール）</t>
  </si>
  <si>
    <t>ｓｔｒａｗ．ｃ</t>
  </si>
  <si>
    <t>富山市雄山町２－６</t>
  </si>
  <si>
    <t>富山市中川原３２－２</t>
  </si>
  <si>
    <t>富山市清水町６ー５ー２１</t>
  </si>
  <si>
    <t>0465</t>
  </si>
  <si>
    <t>富山市草島１７６－１</t>
  </si>
  <si>
    <t>富山市上新保２６５</t>
  </si>
  <si>
    <t>Ｒｏｏｍｓ　ｈａｉｒ</t>
  </si>
  <si>
    <t>ビューティサロンひとみ</t>
  </si>
  <si>
    <t>ジーニーズ　フォーシーズン美容室　太田口通り店</t>
  </si>
  <si>
    <t>富山市鍋田８７－１</t>
    <rPh sb="0" eb="3">
      <t>トヤマシ</t>
    </rPh>
    <rPh sb="3" eb="5">
      <t>ナベタ</t>
    </rPh>
    <phoneticPr fontId="2"/>
  </si>
  <si>
    <t>0549</t>
  </si>
  <si>
    <t>ＢＵＢＢＬＥＳ</t>
  </si>
  <si>
    <t>富山市日之出町１－１０</t>
  </si>
  <si>
    <t>富山市粟島町１ー２３ー２３</t>
  </si>
  <si>
    <t>富山市雄山町２ー２５</t>
  </si>
  <si>
    <t>美容室ファミリー</t>
  </si>
  <si>
    <t>株式会社　　ガッツ・ヒーロー</t>
  </si>
  <si>
    <t>ビューティサロンみよこ</t>
  </si>
  <si>
    <t>富山市城北町１２－２</t>
  </si>
  <si>
    <t>富山市月岡東緑町１ー９３</t>
  </si>
  <si>
    <t>ビューティサロンよしむら</t>
  </si>
  <si>
    <t>富山市赤田４３８ー２</t>
  </si>
  <si>
    <t>hair salon sola-mame</t>
  </si>
  <si>
    <t>ビューティサロン愛</t>
  </si>
  <si>
    <t>0315</t>
  </si>
  <si>
    <t>富山市二口町４－９－４</t>
  </si>
  <si>
    <t>富山県富山市中川原新町７８－１５３</t>
  </si>
  <si>
    <t>富山市海岸通新町２２７</t>
  </si>
  <si>
    <t>株式会社　ＤＩＶＡ</t>
    <rPh sb="0" eb="4">
      <t>カブシキガイシャ</t>
    </rPh>
    <phoneticPr fontId="2"/>
  </si>
  <si>
    <t>富山市石金２－４－８</t>
    <rPh sb="0" eb="3">
      <t>トヤマシ</t>
    </rPh>
    <rPh sb="3" eb="5">
      <t>イシガネ</t>
    </rPh>
    <phoneticPr fontId="2"/>
  </si>
  <si>
    <t>富山市八尾町上高善寺９６６－３</t>
  </si>
  <si>
    <t>富山市太郎丸西町二丁目７－１２　</t>
    <rPh sb="2" eb="3">
      <t>シ</t>
    </rPh>
    <rPh sb="3" eb="6">
      <t>タロウマル</t>
    </rPh>
    <rPh sb="6" eb="7">
      <t>ニシ</t>
    </rPh>
    <rPh sb="7" eb="8">
      <t>マチ</t>
    </rPh>
    <rPh sb="8" eb="11">
      <t>ニチョウメ</t>
    </rPh>
    <phoneticPr fontId="2"/>
  </si>
  <si>
    <t>石金エクセレントビル1F-E</t>
    <rPh sb="0" eb="2">
      <t>イシガネ</t>
    </rPh>
    <phoneticPr fontId="2"/>
  </si>
  <si>
    <t>富山市雄山町５－１６</t>
    <rPh sb="0" eb="3">
      <t>トヤマシ</t>
    </rPh>
    <rPh sb="3" eb="5">
      <t>オヤマ</t>
    </rPh>
    <rPh sb="5" eb="6">
      <t>マチ</t>
    </rPh>
    <phoneticPr fontId="2"/>
  </si>
  <si>
    <t>富山市婦中町速星５０５－３</t>
  </si>
  <si>
    <t>ファースト秋吉Ⅲ１Ｆ　１３５号</t>
  </si>
  <si>
    <t>富山市豊若町１ー１３ー１４</t>
  </si>
  <si>
    <t>寿美容室</t>
  </si>
  <si>
    <t>富山市大島２－３８７</t>
  </si>
  <si>
    <t>ビューティスポットやなぎだ中川原店</t>
  </si>
  <si>
    <t>富山市中川原新町７８ー１５３</t>
  </si>
  <si>
    <t>0118</t>
  </si>
  <si>
    <t>ビューティスポット淳</t>
  </si>
  <si>
    <t>0346</t>
  </si>
  <si>
    <t>ヘアースタジオビーム</t>
  </si>
  <si>
    <t>富山市開発３０３</t>
  </si>
  <si>
    <t>0319</t>
  </si>
  <si>
    <t>ＦＩＲＳＴ　ＳＱＵＡＲＥ　Ｄ棟１０１</t>
  </si>
  <si>
    <t>0741</t>
  </si>
  <si>
    <t>0662</t>
  </si>
  <si>
    <t>ミントラッシュ富山</t>
  </si>
  <si>
    <t>富山市新庄町１１６－１</t>
    <rPh sb="0" eb="3">
      <t>トヤマシ</t>
    </rPh>
    <rPh sb="3" eb="6">
      <t>シンジョウマチ</t>
    </rPh>
    <phoneticPr fontId="2"/>
  </si>
  <si>
    <t>ふたば美容室</t>
  </si>
  <si>
    <t>0298</t>
  </si>
  <si>
    <t>富山市高園町１９－２８</t>
  </si>
  <si>
    <t>富山市中島四丁目12-18</t>
    <rPh sb="0" eb="3">
      <t>トヤマシ</t>
    </rPh>
    <rPh sb="3" eb="5">
      <t>ナカジマ</t>
    </rPh>
    <rPh sb="5" eb="8">
      <t>ヨンチョウメ</t>
    </rPh>
    <phoneticPr fontId="2"/>
  </si>
  <si>
    <t>白樺マンション１Ｆ</t>
  </si>
  <si>
    <t>0846</t>
  </si>
  <si>
    <t>富山市西田地方町二丁目7-5　2Ｆ</t>
    <rPh sb="0" eb="3">
      <t>トヤマシ</t>
    </rPh>
    <rPh sb="3" eb="5">
      <t>ニシダ</t>
    </rPh>
    <rPh sb="5" eb="7">
      <t>チホウ</t>
    </rPh>
    <rPh sb="7" eb="8">
      <t>マチ</t>
    </rPh>
    <rPh sb="8" eb="11">
      <t>ニチョウメ</t>
    </rPh>
    <phoneticPr fontId="2"/>
  </si>
  <si>
    <t>フリーポート美容室</t>
  </si>
  <si>
    <t>富山市森若町１－１</t>
  </si>
  <si>
    <t>富山市掛尾町４５３</t>
    <rPh sb="0" eb="3">
      <t>トヤマシ</t>
    </rPh>
    <rPh sb="3" eb="6">
      <t>カケオマチ</t>
    </rPh>
    <phoneticPr fontId="2"/>
  </si>
  <si>
    <t>富山市経堂１－２３９－２</t>
  </si>
  <si>
    <t>ヘア　アンドボディラボ　オアシス</t>
  </si>
  <si>
    <t>富山県富山市太田口通り１－４－１０</t>
  </si>
  <si>
    <t>0052</t>
  </si>
  <si>
    <t>美容室こずえ</t>
  </si>
  <si>
    <t>ビューティサロン　くろせ</t>
  </si>
  <si>
    <t>0812</t>
  </si>
  <si>
    <t>0813</t>
  </si>
  <si>
    <t>ヘア　リメイク　アレグレ</t>
  </si>
  <si>
    <t>富山市中田町２－１２－３</t>
  </si>
  <si>
    <t>富山市新根塚町一丁目1-50</t>
    <rPh sb="0" eb="3">
      <t>トヤマシ</t>
    </rPh>
    <rPh sb="3" eb="4">
      <t>シン</t>
    </rPh>
    <rPh sb="4" eb="6">
      <t>ネズカ</t>
    </rPh>
    <rPh sb="6" eb="7">
      <t>マチ</t>
    </rPh>
    <rPh sb="7" eb="10">
      <t>イッチョウメ</t>
    </rPh>
    <phoneticPr fontId="2"/>
  </si>
  <si>
    <t>0398</t>
  </si>
  <si>
    <t>富山市今泉西部町２－１５</t>
  </si>
  <si>
    <t>富山県富山市藤木７１１</t>
  </si>
  <si>
    <t>杉森ビル１FC</t>
    <rPh sb="0" eb="2">
      <t>スギモリ</t>
    </rPh>
    <phoneticPr fontId="2"/>
  </si>
  <si>
    <t>ヘアーメイク・リンク</t>
  </si>
  <si>
    <t>富山市北新町1-1-10</t>
    <rPh sb="0" eb="3">
      <t>トヤマシ</t>
    </rPh>
    <rPh sb="3" eb="6">
      <t>キタシンマチ</t>
    </rPh>
    <phoneticPr fontId="2"/>
  </si>
  <si>
    <t>ヘア．アンド　フェイスサロン　マサミ</t>
  </si>
  <si>
    <t>0470</t>
  </si>
  <si>
    <t>富山市八尾町黒田１４５２－４</t>
  </si>
  <si>
    <t>髪結　Ｊｅｓｓｅ</t>
  </si>
  <si>
    <t>富山市大泉東町２－１９－２</t>
  </si>
  <si>
    <t>ヘアーｔｏメイク美容室ミナモト</t>
  </si>
  <si>
    <t>美容室アクール</t>
  </si>
  <si>
    <t>ヘアータッチ　ズーム</t>
  </si>
  <si>
    <t>根塚ビル１－Ａ</t>
    <rPh sb="0" eb="1">
      <t>ネ</t>
    </rPh>
    <rPh sb="1" eb="2">
      <t>ヅカ</t>
    </rPh>
    <phoneticPr fontId="2"/>
  </si>
  <si>
    <t>ｅｎｄｅ．</t>
  </si>
  <si>
    <t>ＺＥＡＬ</t>
  </si>
  <si>
    <t>富山市藤木１８２３</t>
  </si>
  <si>
    <t>富山市下大久保３２４９－１０</t>
  </si>
  <si>
    <t>富山市天正寺１０９８</t>
  </si>
  <si>
    <t>株式会社　ベルコ</t>
  </si>
  <si>
    <t>富山市婦中町袋２８４－４</t>
  </si>
  <si>
    <t>ヘアーブティックかわぐち</t>
  </si>
  <si>
    <t>富山市高屋敷６３１ー６</t>
  </si>
  <si>
    <t>アピアショッピングセンター１Ｆ</t>
  </si>
  <si>
    <t>フタバビル１Ｆ</t>
  </si>
  <si>
    <t>まつげ　Ｃｌｅａｒ</t>
  </si>
  <si>
    <t>富山市草島172-18</t>
    <rPh sb="0" eb="3">
      <t>トヤマシ</t>
    </rPh>
    <rPh sb="3" eb="5">
      <t>クサジマ</t>
    </rPh>
    <phoneticPr fontId="2"/>
  </si>
  <si>
    <t>富山市草島２３５ー１０３</t>
  </si>
  <si>
    <t>0129</t>
  </si>
  <si>
    <t>0502</t>
  </si>
  <si>
    <t>ヘアールーム　トピック</t>
  </si>
  <si>
    <t>0464</t>
  </si>
  <si>
    <t>ヘアーワークス　トライアングル</t>
  </si>
  <si>
    <t>富山市古沢２９６</t>
  </si>
  <si>
    <t>富山市大泉１７ー２０</t>
  </si>
  <si>
    <t>富山市大町南台２２－１４</t>
  </si>
  <si>
    <t>美容室エースカフェ</t>
  </si>
  <si>
    <t>富山市下大久保２１８７－１</t>
    <rPh sb="0" eb="3">
      <t>トヤマシ</t>
    </rPh>
    <rPh sb="3" eb="7">
      <t>シモオオクボ</t>
    </rPh>
    <phoneticPr fontId="2"/>
  </si>
  <si>
    <t>Hair design Four Chest（ヘアデザイン　フォア　チェスト）</t>
  </si>
  <si>
    <t>ミカ美容室</t>
  </si>
  <si>
    <t>0418</t>
  </si>
  <si>
    <t>とこやとぱあまやの店　やまざき</t>
  </si>
  <si>
    <t>富山市牛島本町１丁目４－５０</t>
    <rPh sb="0" eb="3">
      <t>トヤマシ</t>
    </rPh>
    <rPh sb="8" eb="10">
      <t>チョウメ</t>
    </rPh>
    <phoneticPr fontId="2"/>
  </si>
  <si>
    <t>0785</t>
  </si>
  <si>
    <t>富山市町村１１９－２</t>
  </si>
  <si>
    <t>富山市東田地方一丁目３－１９</t>
    <rPh sb="0" eb="3">
      <t>トヤマシ</t>
    </rPh>
    <rPh sb="3" eb="4">
      <t>ヒガシ</t>
    </rPh>
    <rPh sb="4" eb="6">
      <t>デンジ</t>
    </rPh>
    <rPh sb="6" eb="7">
      <t>カタ</t>
    </rPh>
    <rPh sb="7" eb="10">
      <t>イッチョウメ</t>
    </rPh>
    <phoneticPr fontId="2"/>
  </si>
  <si>
    <t>富山市上野新町５－６</t>
    <rPh sb="0" eb="3">
      <t>トヤマシ</t>
    </rPh>
    <rPh sb="5" eb="7">
      <t>シンマチ</t>
    </rPh>
    <phoneticPr fontId="2"/>
  </si>
  <si>
    <t>富山市堀川町３００</t>
  </si>
  <si>
    <t>0174</t>
  </si>
  <si>
    <t>ポコアポコ</t>
  </si>
  <si>
    <t>富山市根塚町３－３－３</t>
  </si>
  <si>
    <t>富山県富山市根塚町３－３－３</t>
  </si>
  <si>
    <t>0153</t>
  </si>
  <si>
    <t>富山市下冨居二丁目１３－１４</t>
    <rPh sb="0" eb="3">
      <t>トヤマシ</t>
    </rPh>
    <rPh sb="3" eb="6">
      <t>シモフゴ</t>
    </rPh>
    <rPh sb="6" eb="9">
      <t>ニチョウメ</t>
    </rPh>
    <phoneticPr fontId="2"/>
  </si>
  <si>
    <t>富山市呉羽町７３１３</t>
  </si>
  <si>
    <t>富山市中市一丁目４－５</t>
    <rPh sb="5" eb="8">
      <t>イッチョウメ</t>
    </rPh>
    <phoneticPr fontId="2"/>
  </si>
  <si>
    <t>ヘアーサロン　プティ</t>
  </si>
  <si>
    <t>富山市常盤台３７－１５</t>
    <rPh sb="0" eb="3">
      <t>トヤマシ</t>
    </rPh>
    <rPh sb="3" eb="6">
      <t>トキワダイ</t>
    </rPh>
    <phoneticPr fontId="2"/>
  </si>
  <si>
    <t>ヘアーパーク　かれん</t>
  </si>
  <si>
    <t>富山市花崎１１３９－１１</t>
  </si>
  <si>
    <t>富山市石坂２９７３－１２</t>
  </si>
  <si>
    <t>0264</t>
  </si>
  <si>
    <t>富山市水橋開発６６３</t>
  </si>
  <si>
    <t>富山市新根塚一丁目９－４５</t>
    <rPh sb="0" eb="3">
      <t>トヤマシ</t>
    </rPh>
    <rPh sb="3" eb="5">
      <t>シンネ</t>
    </rPh>
    <rPh sb="5" eb="6">
      <t>ヅカ</t>
    </rPh>
    <rPh sb="6" eb="9">
      <t>イッチョウメ</t>
    </rPh>
    <phoneticPr fontId="2"/>
  </si>
  <si>
    <t>富山市永楽町３２ー２３</t>
  </si>
  <si>
    <t>ＭＡＭＡＤＯ</t>
  </si>
  <si>
    <t>マリー美容室</t>
  </si>
  <si>
    <t>ａｇｒｅｅ　ａｂｌｅ</t>
  </si>
  <si>
    <t>0839</t>
  </si>
  <si>
    <t>美容室ハーモニー</t>
  </si>
  <si>
    <t>みち美容室</t>
  </si>
  <si>
    <t>富山市二口町２－３－６</t>
  </si>
  <si>
    <t>ＧＬＡＲＴ</t>
  </si>
  <si>
    <t>きくら美容室</t>
    <rPh sb="3" eb="6">
      <t>ビヨウシツ</t>
    </rPh>
    <phoneticPr fontId="2"/>
  </si>
  <si>
    <t>富山市稲荷町２－２－９　</t>
  </si>
  <si>
    <t>みわ美容室</t>
  </si>
  <si>
    <t>ビューティ大阪美容室　Ｒ４１店</t>
    <rPh sb="5" eb="7">
      <t>オオサカ</t>
    </rPh>
    <rPh sb="7" eb="10">
      <t>ビヨウシツ</t>
    </rPh>
    <rPh sb="14" eb="15">
      <t>テン</t>
    </rPh>
    <phoneticPr fontId="2"/>
  </si>
  <si>
    <t>モナミ美容室</t>
  </si>
  <si>
    <t>富山市土居原町６ー２９</t>
  </si>
  <si>
    <t>富山市藤木１２</t>
  </si>
  <si>
    <t>0510</t>
  </si>
  <si>
    <t>0814</t>
  </si>
  <si>
    <t>やまむら美容室</t>
  </si>
  <si>
    <t>富山市堀川小泉町１－７－２</t>
  </si>
  <si>
    <t>ｈａｉｒ　Ｓｅｅ－Ｓｏｏ</t>
  </si>
  <si>
    <t>0783</t>
  </si>
  <si>
    <t>富山市高原本町１０６</t>
  </si>
  <si>
    <t>富山市布瀬本町４－２</t>
  </si>
  <si>
    <t>ユキエ美容室</t>
  </si>
  <si>
    <t>富山市岩瀬新町５９７</t>
    <rPh sb="0" eb="3">
      <t>トヤマシ</t>
    </rPh>
    <rPh sb="3" eb="7">
      <t>イワセシンマチ</t>
    </rPh>
    <phoneticPr fontId="2"/>
  </si>
  <si>
    <t>富山市桜木町５ー６</t>
  </si>
  <si>
    <t>富山県富山市向新庄町７－１７－１２</t>
  </si>
  <si>
    <t>富山市婦中町下轡田３４７</t>
  </si>
  <si>
    <t>ルヴィーブル５０６タナカ</t>
  </si>
  <si>
    <t>0487</t>
  </si>
  <si>
    <t>細川ビル１Ｆ</t>
    <rPh sb="0" eb="2">
      <t>ホソカワ</t>
    </rPh>
    <phoneticPr fontId="2"/>
  </si>
  <si>
    <t>ワカバ美容院</t>
  </si>
  <si>
    <t>ＢＯＯＢＥＥ</t>
  </si>
  <si>
    <t>愛美容室</t>
  </si>
  <si>
    <t>ＡＵＮＩＬ（アウニル）</t>
  </si>
  <si>
    <t>ＩＢビル１Ｆ</t>
  </si>
  <si>
    <t>井上美容室</t>
  </si>
  <si>
    <t>ROMM(ロム）</t>
  </si>
  <si>
    <t>英　美容室</t>
  </si>
  <si>
    <t>0307</t>
  </si>
  <si>
    <t>富山市大泉東部１５２８</t>
  </si>
  <si>
    <t>富山市中川原１９４－１</t>
  </si>
  <si>
    <t>富山市長江新町４－３－４０</t>
  </si>
  <si>
    <t>富山市上飯野新町３－３４０－２</t>
    <rPh sb="0" eb="3">
      <t>トヤマシ</t>
    </rPh>
    <rPh sb="3" eb="4">
      <t>カミ</t>
    </rPh>
    <rPh sb="4" eb="6">
      <t>イイノ</t>
    </rPh>
    <rPh sb="6" eb="8">
      <t>シンマチ</t>
    </rPh>
    <phoneticPr fontId="2"/>
  </si>
  <si>
    <t>富山市八木山２２８２</t>
  </si>
  <si>
    <t>レディースアートネイチャー　富山サロン</t>
  </si>
  <si>
    <t>富山市天正寺３７－２２</t>
  </si>
  <si>
    <t>富山市五福６区１９２２－４　</t>
  </si>
  <si>
    <t>東京都渋谷区代々木３－４０－７</t>
  </si>
  <si>
    <t>有限会社　　スカイしゃらく　</t>
  </si>
  <si>
    <t>富山市八尾町福島元村畑田３２５</t>
  </si>
  <si>
    <t>紀美園</t>
  </si>
  <si>
    <t>富山市岩瀬白山町１区３８</t>
  </si>
  <si>
    <t>富山市婦中町鵜坂１１８</t>
  </si>
  <si>
    <t>株式会社　　和楽美容室</t>
  </si>
  <si>
    <t>富山市婦中町田島１１４１－１</t>
  </si>
  <si>
    <t>0114</t>
  </si>
  <si>
    <t>吉田美容室</t>
  </si>
  <si>
    <t>太郎丸フラッシュビル１階</t>
    <rPh sb="0" eb="3">
      <t>タロウマル</t>
    </rPh>
    <rPh sb="11" eb="12">
      <t>カイ</t>
    </rPh>
    <phoneticPr fontId="2"/>
  </si>
  <si>
    <t>富山市下冨居２－１－３１　１Ｆ</t>
  </si>
  <si>
    <t>0571</t>
  </si>
  <si>
    <t>金木美容院</t>
  </si>
  <si>
    <t>富山県富山市総曲輪３－９－２１</t>
  </si>
  <si>
    <t>あとりえ　ビィーツ</t>
  </si>
  <si>
    <t>富山市水橋北馬場７１－１</t>
  </si>
  <si>
    <t>ＢＥＡＮＫＨ（ビーアンク）</t>
  </si>
  <si>
    <t>二口マンション１Ｆ</t>
  </si>
  <si>
    <t>0196</t>
  </si>
  <si>
    <t>富山市町村１３４－３</t>
  </si>
  <si>
    <t>ＨＡＩＲ　ＰＲＯＤＵＣＥ　Ｋ－ｆｅｅｌ</t>
  </si>
  <si>
    <t>今崎美容院</t>
  </si>
  <si>
    <t>有限会社　女川美容院</t>
  </si>
  <si>
    <t>富山市五福５区１７５８ー７</t>
  </si>
  <si>
    <t>Jerry</t>
  </si>
  <si>
    <t>Ｈａｉｒ　Ｒｅｌａｘ　ＳＨＥＥＮＡ</t>
  </si>
  <si>
    <t>富山市清水中町２－１</t>
  </si>
  <si>
    <t>富山市北新町１－１－３</t>
  </si>
  <si>
    <t>ジュリア・オージェ　総曲輪フェリオ店</t>
  </si>
  <si>
    <t>0445</t>
  </si>
  <si>
    <t>セモンテビル１０３</t>
  </si>
  <si>
    <t>三日月美容室</t>
  </si>
  <si>
    <t>富山市栄町２－２－１６</t>
  </si>
  <si>
    <t>0354</t>
  </si>
  <si>
    <t>ｈａｉｒ　＆　ｍａｋｅ　ＴＩＡ</t>
  </si>
  <si>
    <t>富山市婦中町砂子田６８０－１２</t>
  </si>
  <si>
    <t>ｌｉｔｅ</t>
  </si>
  <si>
    <t>Ｒｅｐｏｓ（ルポ）</t>
  </si>
  <si>
    <t>富山市上袋６０５－２</t>
    <rPh sb="0" eb="3">
      <t>トヤマシ</t>
    </rPh>
    <rPh sb="3" eb="5">
      <t>カミブクロ</t>
    </rPh>
    <phoneticPr fontId="2"/>
  </si>
  <si>
    <t>わだ美容室</t>
  </si>
  <si>
    <t>新潟県上越市国府4-7-1</t>
    <rPh sb="0" eb="3">
      <t>ニイガタケン</t>
    </rPh>
    <rPh sb="3" eb="6">
      <t>ジョウエツシ</t>
    </rPh>
    <rPh sb="6" eb="7">
      <t>コク</t>
    </rPh>
    <rPh sb="7" eb="8">
      <t>フ</t>
    </rPh>
    <phoneticPr fontId="2"/>
  </si>
  <si>
    <t>市田美容室</t>
  </si>
  <si>
    <t>富山市下新本町４－１１</t>
  </si>
  <si>
    <t>富山市秋吉新町１０－２９</t>
  </si>
  <si>
    <t>0501</t>
  </si>
  <si>
    <t>0301</t>
  </si>
  <si>
    <t>春美美容室</t>
  </si>
  <si>
    <t>富山市東富山寿町３－２１－１０</t>
  </si>
  <si>
    <t>マルソメ本郷店</t>
    <rPh sb="4" eb="6">
      <t>ホンゴウ</t>
    </rPh>
    <rPh sb="6" eb="7">
      <t>テン</t>
    </rPh>
    <phoneticPr fontId="2"/>
  </si>
  <si>
    <t>ＡＤＥＬ</t>
  </si>
  <si>
    <t>富山市総曲輪三丁目５－８</t>
    <rPh sb="0" eb="3">
      <t>トヤマシ</t>
    </rPh>
    <rPh sb="3" eb="6">
      <t>ソウガワ</t>
    </rPh>
    <rPh sb="6" eb="9">
      <t>サンチョウメ</t>
    </rPh>
    <phoneticPr fontId="2"/>
  </si>
  <si>
    <t>サロンド・ルン・クローバ</t>
  </si>
  <si>
    <t>ＬＵＡＮＡ（ルアナ）</t>
  </si>
  <si>
    <t>富山市花園町三丁目４－１９</t>
    <rPh sb="0" eb="3">
      <t>トヤマシ</t>
    </rPh>
    <rPh sb="3" eb="6">
      <t>ハナゾノチョウ</t>
    </rPh>
    <rPh sb="6" eb="9">
      <t>サンチョウメ</t>
    </rPh>
    <phoneticPr fontId="2"/>
  </si>
  <si>
    <t>島田美容室</t>
  </si>
  <si>
    <t>富山市田畑２３８</t>
  </si>
  <si>
    <t>0592</t>
  </si>
  <si>
    <t>0334</t>
  </si>
  <si>
    <t>すえの美容室</t>
  </si>
  <si>
    <t>美髪館</t>
  </si>
  <si>
    <t>株式会社　ＯＢＳ</t>
  </si>
  <si>
    <t>0805</t>
  </si>
  <si>
    <t>美容室　たんぽぽ</t>
  </si>
  <si>
    <t>0567</t>
  </si>
  <si>
    <t>0562</t>
  </si>
  <si>
    <t>エイチ　ビー　シー</t>
  </si>
  <si>
    <t>ヘアーアレンジショップ　ポレール</t>
  </si>
  <si>
    <t>富山市町村１ー２６０ー１</t>
  </si>
  <si>
    <t>0168</t>
  </si>
  <si>
    <t>富山市中冨居１５－７０</t>
    <rPh sb="0" eb="3">
      <t>トヤマシ</t>
    </rPh>
    <rPh sb="3" eb="6">
      <t>ナカフゴ</t>
    </rPh>
    <phoneticPr fontId="2"/>
  </si>
  <si>
    <t>0558</t>
  </si>
  <si>
    <t>美・スターササキ</t>
  </si>
  <si>
    <t>0831</t>
  </si>
  <si>
    <t>0538</t>
  </si>
  <si>
    <t>富山市婦中町分田８８－２</t>
  </si>
  <si>
    <t>富山市太田80番地36</t>
    <rPh sb="0" eb="3">
      <t>トヤマシ</t>
    </rPh>
    <rPh sb="3" eb="5">
      <t>オオタ</t>
    </rPh>
    <rPh sb="7" eb="9">
      <t>バンチ</t>
    </rPh>
    <phoneticPr fontId="2"/>
  </si>
  <si>
    <t>ｂｅｌｌｅ　ｈａｉｒ　ｒｏｏｍ</t>
  </si>
  <si>
    <t>富山市上大久保５区１４９９－８</t>
  </si>
  <si>
    <t>ｈａｉｒ　ｓａｌｏｎ　ＷＡＫＫＡ</t>
  </si>
  <si>
    <t>イン東京　富山東店</t>
  </si>
  <si>
    <t>0637</t>
  </si>
  <si>
    <t>0793</t>
  </si>
  <si>
    <t>美容室キッス</t>
  </si>
  <si>
    <t>富山市上赤江町１－１２－２５</t>
  </si>
  <si>
    <t>富山市豊田本町２－８－２７</t>
  </si>
  <si>
    <t>富山市中島２－３－２０</t>
  </si>
  <si>
    <t>0188</t>
  </si>
  <si>
    <t>美容室　ｎｏｕｖｅｌｌｅ　ｖａｇｕｅ（ヌーヴェル　ヴァーグ）</t>
  </si>
  <si>
    <t>富山市黒崎７５－１　１Ｆ</t>
  </si>
  <si>
    <t>富山市住友町２－３２</t>
  </si>
  <si>
    <t>美容室　アミング</t>
  </si>
  <si>
    <t>富山市粟島町２－７－８</t>
  </si>
  <si>
    <t>富山市総曲輪３－８－６</t>
  </si>
  <si>
    <t>株式会社F不動産</t>
    <rPh sb="0" eb="4">
      <t>カブシキガイシャ</t>
    </rPh>
    <rPh sb="5" eb="8">
      <t>フドウサン</t>
    </rPh>
    <phoneticPr fontId="2"/>
  </si>
  <si>
    <t>日の出ハイツ１０１</t>
  </si>
  <si>
    <t>コワフュール・ＳＯＵＷＡ</t>
  </si>
  <si>
    <t>ビューティ　もりさわ</t>
  </si>
  <si>
    <t>富山市西長江本町３ー１</t>
  </si>
  <si>
    <t>ビューティサロンしみず</t>
  </si>
  <si>
    <t>ＴＯＹ　ＢＯＸ</t>
  </si>
  <si>
    <t>富山市大町南台４８－１８　１Ｆ</t>
  </si>
  <si>
    <t>美容室　ちゃんす</t>
  </si>
  <si>
    <t>0092</t>
  </si>
  <si>
    <t>富山市宝町一丁目３－１７</t>
    <rPh sb="0" eb="3">
      <t>トヤマシ</t>
    </rPh>
    <rPh sb="5" eb="8">
      <t>イッチョウメ</t>
    </rPh>
    <phoneticPr fontId="2"/>
  </si>
  <si>
    <t>富山市秋吉153-14</t>
  </si>
  <si>
    <t>Ｂｌａｎｃ　Ｎｏｉｒ</t>
  </si>
  <si>
    <t>0816</t>
  </si>
  <si>
    <t>ヘアーパーク・ヴュー</t>
  </si>
  <si>
    <t>美容室　やすらぎ</t>
  </si>
  <si>
    <t>富山市公文名１６ー４</t>
  </si>
  <si>
    <t>美容室ＢｅＰＯＰ</t>
  </si>
  <si>
    <t>株式会社one by one</t>
    <rPh sb="0" eb="4">
      <t>カブシキガイシャ</t>
    </rPh>
    <phoneticPr fontId="2"/>
  </si>
  <si>
    <t>美容室ＢＩＪＩＮ美人</t>
  </si>
  <si>
    <t>美容室Ｂ－Ｐａｔｏｒａ</t>
  </si>
  <si>
    <t>美容室かみかざり</t>
  </si>
  <si>
    <t>美容室Ｃｌｅａｒ</t>
  </si>
  <si>
    <t>富山市田中町４－９－２０</t>
  </si>
  <si>
    <t>0539</t>
  </si>
  <si>
    <t>equimago</t>
  </si>
  <si>
    <t>ａｔｏａ</t>
  </si>
  <si>
    <t>富山市四方恵比寿町３１</t>
  </si>
  <si>
    <t>富山市新根塚町２－９－９</t>
  </si>
  <si>
    <t>0107</t>
  </si>
  <si>
    <t>美容室ＰＡＳＳＩ０Ｎ</t>
  </si>
  <si>
    <t>富山市上冨居２－１１－３９</t>
  </si>
  <si>
    <t>美容室Ｐ－ｕｐ</t>
  </si>
  <si>
    <t>富山市水橋中村町１２１ー１</t>
  </si>
  <si>
    <t>美容室Ｓｏｅｕｒ（スール）</t>
  </si>
  <si>
    <t>富山市豊川町５－１０</t>
  </si>
  <si>
    <t>富山市黒瀬１１６－３</t>
    <rPh sb="0" eb="3">
      <t>トヤマシ</t>
    </rPh>
    <rPh sb="3" eb="5">
      <t>クロセ</t>
    </rPh>
    <phoneticPr fontId="2"/>
  </si>
  <si>
    <t>ヘア　アンスリール</t>
  </si>
  <si>
    <t>美容室Ｖｅｒｔｉｃａｌ</t>
  </si>
  <si>
    <t>0112</t>
  </si>
  <si>
    <t>ａｌｅｅｚａ　富山店</t>
    <rPh sb="7" eb="10">
      <t>トヤマテン</t>
    </rPh>
    <phoneticPr fontId="2"/>
  </si>
  <si>
    <t>美容室アオキ</t>
  </si>
  <si>
    <t>富山市上大久保８４８</t>
  </si>
  <si>
    <t>美容室あかざわ</t>
  </si>
  <si>
    <t>富山市豊田町１ー１２ー１</t>
  </si>
  <si>
    <t>富山市婦中町砂子田８１－１１２</t>
  </si>
  <si>
    <t>富山市掛尾町２３２</t>
  </si>
  <si>
    <t>ｓｏｌｔ.ｅｙｅｄｅｓｉｇｎ</t>
  </si>
  <si>
    <t>ビューティサロン　岡田</t>
  </si>
  <si>
    <t>0028</t>
  </si>
  <si>
    <t>富山市上飯野20</t>
    <rPh sb="0" eb="3">
      <t>トヤマシ</t>
    </rPh>
    <rPh sb="3" eb="4">
      <t>カミ</t>
    </rPh>
    <rPh sb="4" eb="6">
      <t>イイノ</t>
    </rPh>
    <phoneticPr fontId="2"/>
  </si>
  <si>
    <t>フタバビル２階Ｂ</t>
  </si>
  <si>
    <t>0542</t>
  </si>
  <si>
    <t>Ｂｒａｉｄｚｙ　Ｈｏｕｓｅ</t>
  </si>
  <si>
    <t>0842</t>
  </si>
  <si>
    <t>大阪美容室</t>
    <rPh sb="0" eb="2">
      <t>オオサカ</t>
    </rPh>
    <rPh sb="2" eb="5">
      <t>ビヨウシツ</t>
    </rPh>
    <phoneticPr fontId="2"/>
  </si>
  <si>
    <t>富山市本郷町４４ー１６</t>
  </si>
  <si>
    <t>富山市婦中町希望ケ丘５０１－１</t>
  </si>
  <si>
    <t>0764</t>
  </si>
  <si>
    <t>0786</t>
  </si>
  <si>
    <t>富山市上大久保三区９６３－６</t>
  </si>
  <si>
    <t>美容室エンジェル</t>
  </si>
  <si>
    <t>富山市婦中町速星4-528</t>
    <rPh sb="0" eb="3">
      <t>トヤマシ</t>
    </rPh>
    <rPh sb="3" eb="6">
      <t>フチュウマチ</t>
    </rPh>
    <rPh sb="6" eb="8">
      <t>ハヤホシ</t>
    </rPh>
    <phoneticPr fontId="2"/>
  </si>
  <si>
    <t>富山市婦中町下邑１３６２－２</t>
  </si>
  <si>
    <t>富山市四ツ葉町２２ー５８</t>
  </si>
  <si>
    <t>富山市婦中町千里３０４－１</t>
  </si>
  <si>
    <t>美容室ケイプリュス</t>
  </si>
  <si>
    <t>美容室ココ</t>
  </si>
  <si>
    <t>美容室　ナナ</t>
  </si>
  <si>
    <t>富山市朝菜町１ー４４ー７</t>
  </si>
  <si>
    <t>富山市千代田町１０－３０</t>
  </si>
  <si>
    <t>富山市長江新町４ー５ー２０</t>
  </si>
  <si>
    <t>サンライズ呉羽茶屋町１０６号室</t>
  </si>
  <si>
    <t>美容室こばやし</t>
  </si>
  <si>
    <t>富山市手屋２－１－２８</t>
  </si>
  <si>
    <t>ＡＸＥ（アクス）</t>
  </si>
  <si>
    <t>ｔｒｕｓｔ</t>
  </si>
  <si>
    <t>0645</t>
  </si>
  <si>
    <t>Beauty Salon＊Kayo.co</t>
  </si>
  <si>
    <t>美容室シャンプー</t>
  </si>
  <si>
    <t>富山市高原本町１５７</t>
  </si>
  <si>
    <t>富山市今泉北部町1番地５</t>
    <rPh sb="0" eb="3">
      <t>トヤマシ</t>
    </rPh>
    <rPh sb="3" eb="5">
      <t>イマイズミ</t>
    </rPh>
    <rPh sb="5" eb="7">
      <t>ホクブ</t>
    </rPh>
    <rPh sb="7" eb="8">
      <t>マチ</t>
    </rPh>
    <rPh sb="9" eb="11">
      <t>バンチ</t>
    </rPh>
    <phoneticPr fontId="2"/>
  </si>
  <si>
    <t>美容室ジュンク</t>
  </si>
  <si>
    <t>富山市西公文名町１２－２１</t>
    <rPh sb="0" eb="3">
      <t>トヤマシ</t>
    </rPh>
    <rPh sb="3" eb="4">
      <t>ニシ</t>
    </rPh>
    <rPh sb="4" eb="6">
      <t>クモン</t>
    </rPh>
    <rPh sb="6" eb="7">
      <t>ナ</t>
    </rPh>
    <rPh sb="7" eb="8">
      <t>マチ</t>
    </rPh>
    <phoneticPr fontId="2"/>
  </si>
  <si>
    <t>富山市上袋650番地</t>
    <rPh sb="0" eb="3">
      <t>トヤマシ</t>
    </rPh>
    <rPh sb="3" eb="4">
      <t>カミ</t>
    </rPh>
    <rPh sb="4" eb="5">
      <t>フクロ</t>
    </rPh>
    <rPh sb="8" eb="10">
      <t>バンチ</t>
    </rPh>
    <phoneticPr fontId="2"/>
  </si>
  <si>
    <t>富山市蛯町４ー５</t>
  </si>
  <si>
    <t>富山県富山市蛯町４－５</t>
  </si>
  <si>
    <t>美容室しらかわ</t>
  </si>
  <si>
    <t>富山市高屋敷８３９－４</t>
  </si>
  <si>
    <t>富山市永楽町３５ー３５</t>
  </si>
  <si>
    <t>富山市婦中町砂子田１５４－３２</t>
  </si>
  <si>
    <t>美容室すみ</t>
  </si>
  <si>
    <t>富山市中央通り２－３－３９　</t>
  </si>
  <si>
    <t>ＮＵＤＥ．</t>
  </si>
  <si>
    <t>富山市住吉町１－５－９</t>
  </si>
  <si>
    <t>富山市清水町３－２－８</t>
  </si>
  <si>
    <t>富山市秋吉190-10</t>
  </si>
  <si>
    <t>株式会社　　ナガヤマ</t>
  </si>
  <si>
    <t>富山県富山市中川原５０７</t>
  </si>
  <si>
    <t>美容室たかもり</t>
  </si>
  <si>
    <t>0152</t>
  </si>
  <si>
    <t>美容室たんぽぽ</t>
  </si>
  <si>
    <t>阪南理美容株式会社　　</t>
  </si>
  <si>
    <t>富山市西山王町２ー２７</t>
  </si>
  <si>
    <t>パーソナルアイサロンＮａｋｉ　富山店</t>
    <rPh sb="15" eb="18">
      <t>トヤマテン</t>
    </rPh>
    <phoneticPr fontId="2"/>
  </si>
  <si>
    <t>美容室ナカムラ</t>
  </si>
  <si>
    <t>有限会社　　エム・アンド・ピース</t>
  </si>
  <si>
    <t>富山市清水町３ー５ー４</t>
  </si>
  <si>
    <t>富山市掛尾町25-1</t>
    <rPh sb="0" eb="3">
      <t>トヤマシ</t>
    </rPh>
    <rPh sb="3" eb="6">
      <t>カケオマチ</t>
    </rPh>
    <phoneticPr fontId="2"/>
  </si>
  <si>
    <t>富山市宮尾３３０４－３</t>
  </si>
  <si>
    <t>富山市婦中町上田島１２５－１３</t>
  </si>
  <si>
    <t>0640</t>
  </si>
  <si>
    <t>富山市越前町２－６</t>
  </si>
  <si>
    <t>富山市金泉寺２２７－８</t>
  </si>
  <si>
    <t>美容室ひのき</t>
  </si>
  <si>
    <t>Nail Eyelaｓｈ salon Tete</t>
  </si>
  <si>
    <t>hair room Fika（ヘアールーム　フィーカ）</t>
  </si>
  <si>
    <t>カットコムズ　五福店</t>
  </si>
  <si>
    <t>ラ　シャンセ</t>
  </si>
  <si>
    <t>0572</t>
  </si>
  <si>
    <t>富山市経堂４－１３１－２</t>
  </si>
  <si>
    <t>0462</t>
  </si>
  <si>
    <t>株式会社　　アポロ　</t>
  </si>
  <si>
    <t>美容室ボン・グゥ</t>
  </si>
  <si>
    <t>0086</t>
  </si>
  <si>
    <t>富山市花木９９ー３</t>
  </si>
  <si>
    <t>富山市中央通り１－２－７</t>
    <rPh sb="0" eb="3">
      <t>トヤマシ</t>
    </rPh>
    <rPh sb="3" eb="5">
      <t>チュウオウ</t>
    </rPh>
    <phoneticPr fontId="2"/>
  </si>
  <si>
    <t>富山市向新庄町３－３－２２</t>
  </si>
  <si>
    <t>富山市婦中町田島５８６　ポイントスクエアＡ－１</t>
    <rPh sb="0" eb="3">
      <t>トヤマシ</t>
    </rPh>
    <rPh sb="3" eb="6">
      <t>フチュウマチ</t>
    </rPh>
    <rPh sb="6" eb="8">
      <t>タジマ</t>
    </rPh>
    <phoneticPr fontId="2"/>
  </si>
  <si>
    <t>美容室　ｆｕｎ　～ファン～</t>
  </si>
  <si>
    <t>美容プラージュ　富山天正寺店</t>
  </si>
  <si>
    <t>富山市呉羽冨田町１６８ー９</t>
  </si>
  <si>
    <t>Ａｌｌｏｎｓ！</t>
  </si>
  <si>
    <t>富山市粟島町３ー７ー１７</t>
  </si>
  <si>
    <t>0234</t>
  </si>
  <si>
    <t>富山市花園町三丁目７番-17-106</t>
    <rPh sb="0" eb="3">
      <t>トヤマシ</t>
    </rPh>
    <rPh sb="3" eb="5">
      <t>ハナゾノ</t>
    </rPh>
    <rPh sb="5" eb="6">
      <t>マチ</t>
    </rPh>
    <rPh sb="6" eb="9">
      <t>サンチョウメ</t>
    </rPh>
    <rPh sb="10" eb="11">
      <t>バン</t>
    </rPh>
    <phoneticPr fontId="2"/>
  </si>
  <si>
    <t>富山市下新北町３－３２</t>
  </si>
  <si>
    <t>0080</t>
  </si>
  <si>
    <t>0597</t>
  </si>
  <si>
    <t>Ｌ’ａｉｒ　ｄｏｕｘ　（レール　ドゥ）</t>
  </si>
  <si>
    <t>富山市太田口通り１－４－１０</t>
  </si>
  <si>
    <t>0377</t>
  </si>
  <si>
    <t>サンコレクトビル２Ａ</t>
  </si>
  <si>
    <t>ヴィベール磯部１Ｆ</t>
  </si>
  <si>
    <t>富山市綾田町１－２２－２８</t>
  </si>
  <si>
    <t>富山市月岡町５－３６５－１</t>
  </si>
  <si>
    <t>１階</t>
    <rPh sb="1" eb="2">
      <t>カイ</t>
    </rPh>
    <phoneticPr fontId="2"/>
  </si>
  <si>
    <t>ｕｎ　ａｎａｎａｓ（アン　アナナ）</t>
  </si>
  <si>
    <t>ＨＡＩＲ　＆　ＨＥＡＤ　ＳＰＡ　桜のひ</t>
  </si>
  <si>
    <t>富山市下赤江町二丁目２－４３</t>
    <rPh sb="7" eb="10">
      <t>ニチョウメ</t>
    </rPh>
    <phoneticPr fontId="2"/>
  </si>
  <si>
    <t>富山市堀川小泉町８０６</t>
  </si>
  <si>
    <t>ＰＩＮＯ</t>
  </si>
  <si>
    <t>高岡市蓮花寺５６１－２</t>
    <rPh sb="0" eb="3">
      <t>タカオカシ</t>
    </rPh>
    <rPh sb="3" eb="4">
      <t>ハス</t>
    </rPh>
    <rPh sb="4" eb="5">
      <t>ハナ</t>
    </rPh>
    <rPh sb="5" eb="6">
      <t>テラ</t>
    </rPh>
    <phoneticPr fontId="2"/>
  </si>
  <si>
    <t>モッズ・ヘア富山　中央通り店</t>
  </si>
  <si>
    <t>富山市中央通２－５－５</t>
  </si>
  <si>
    <t>カラーボックス２Ｆ</t>
  </si>
  <si>
    <t>富山県富山市中央通２－５－５</t>
  </si>
  <si>
    <t>カーサイナリ１０２号</t>
  </si>
  <si>
    <t>富山市八尾町黒田２７－８</t>
  </si>
  <si>
    <t>富山市新庄町２０６－２</t>
  </si>
  <si>
    <t>有限会社　ポコアポコ　</t>
  </si>
  <si>
    <t>富山市二口町５－８－１２</t>
  </si>
  <si>
    <t>Ｃｉｍｅ　ｈａｉｒ</t>
  </si>
  <si>
    <t>0231</t>
  </si>
  <si>
    <t>富山市婦中町十五丁７０７－２</t>
    <rPh sb="0" eb="3">
      <t>トヤマシ</t>
    </rPh>
    <rPh sb="3" eb="6">
      <t>フチュウマチ</t>
    </rPh>
    <rPh sb="6" eb="9">
      <t>ジュウゴチョウ</t>
    </rPh>
    <phoneticPr fontId="2"/>
  </si>
  <si>
    <t>みよえ美容室</t>
  </si>
  <si>
    <t>富山市太郎丸本町４－４－１</t>
  </si>
  <si>
    <t>富山市八尾町諏訪町２５７０</t>
  </si>
  <si>
    <t>有限会社　美容室　プールス</t>
  </si>
  <si>
    <t>0710</t>
  </si>
  <si>
    <t>富山市婦中町響の杜２９７－６１</t>
  </si>
  <si>
    <t>富山市花園町三丁目７－１７　レジデンスムライ１０６号</t>
    <rPh sb="0" eb="3">
      <t>トヤマシ</t>
    </rPh>
    <rPh sb="3" eb="6">
      <t>ハナゾノマチ</t>
    </rPh>
    <rPh sb="6" eb="9">
      <t>サンチョウメ</t>
    </rPh>
    <rPh sb="25" eb="26">
      <t>ゴウ</t>
    </rPh>
    <phoneticPr fontId="2"/>
  </si>
  <si>
    <t>みやこ美容室</t>
  </si>
  <si>
    <t>ＫｉｒａＫｉｒａＳｏｎｉａ</t>
  </si>
  <si>
    <t>山梨県甲府市美咲１－１０－６</t>
  </si>
  <si>
    <t>ＢＬＵＥ　ＬＵＧ</t>
  </si>
  <si>
    <t>クサジマ美容室</t>
    <rPh sb="4" eb="7">
      <t>ビヨウシツ</t>
    </rPh>
    <phoneticPr fontId="2"/>
  </si>
  <si>
    <t>富山市粟島町２－５－２５</t>
  </si>
  <si>
    <t>美容室　髪ふうせん</t>
  </si>
  <si>
    <t>富山市婦中町下轡田１５０－４</t>
  </si>
  <si>
    <t>美容室　ＣＨＥＥＲ　ＦＵＬＬＹ</t>
  </si>
  <si>
    <t>ＳＷＥＥＴ</t>
  </si>
  <si>
    <t>0289</t>
  </si>
  <si>
    <t>アーム　</t>
  </si>
  <si>
    <t>富山市水橋市江４７</t>
  </si>
  <si>
    <t>0245</t>
  </si>
  <si>
    <t>0246</t>
  </si>
  <si>
    <t>0550</t>
  </si>
  <si>
    <t>富山市開５５０－１</t>
  </si>
  <si>
    <t>Ａｇｕ ｈａｉｒ Ｓｈｉｎｅ</t>
  </si>
  <si>
    <t>ビューティプラザはまざき東店</t>
  </si>
  <si>
    <t>0247</t>
  </si>
  <si>
    <t>富山市婦中町下轡田７１９－３</t>
  </si>
  <si>
    <t>富山市開１３４４</t>
  </si>
  <si>
    <t>ｍｏｃｏ美容室</t>
  </si>
  <si>
    <t>富山市上大久保６６４</t>
  </si>
  <si>
    <t>富山市東中野３－４－１２</t>
  </si>
  <si>
    <t>富山市下新本町３－３－２</t>
  </si>
  <si>
    <t>はとほる</t>
  </si>
  <si>
    <t>0254</t>
  </si>
  <si>
    <t>アピス　ヘア・メイク</t>
  </si>
  <si>
    <t>富山市赤田７６３－３</t>
  </si>
  <si>
    <t>ＶＥＬＩＣＡ　ＦＯＬＭ：</t>
  </si>
  <si>
    <t>0255</t>
  </si>
  <si>
    <t>ヘアサロン　ａｒｔ</t>
  </si>
  <si>
    <t>0408</t>
  </si>
  <si>
    <t>有限会社　　いづみ美容室</t>
  </si>
  <si>
    <t>Ｆａｎ　Ｈａｉｒ</t>
  </si>
  <si>
    <t>株式会社　マックスコムズウエスト</t>
  </si>
  <si>
    <t>富山市町村２－１０５</t>
  </si>
  <si>
    <t>富山市下堀４１－４</t>
  </si>
  <si>
    <t>富山市五福５－１１５</t>
  </si>
  <si>
    <t>0260</t>
  </si>
  <si>
    <t>0849</t>
  </si>
  <si>
    <t>0468</t>
  </si>
  <si>
    <t>富山市東老田５１</t>
  </si>
  <si>
    <t>富山県富山市大町１３５－１６</t>
  </si>
  <si>
    <t>0693</t>
  </si>
  <si>
    <t>0616</t>
  </si>
  <si>
    <t>ハウスオブビューティー＆カルチャー</t>
  </si>
  <si>
    <t>0450</t>
  </si>
  <si>
    <t>３ｐｉｅｃｅ</t>
  </si>
  <si>
    <t>富山市黒瀬北町２－１５－１</t>
  </si>
  <si>
    <t>ｈｅｉｒ　Ｒｏｏｍ　ｅ’ｓ</t>
  </si>
  <si>
    <t>ｈａｉｒ　ｓａｌｏｎ　ｆｕｌａｒｉ</t>
  </si>
  <si>
    <t>アーム　イン　アーム　ヘア</t>
  </si>
  <si>
    <t>富山県富山市婦中町砂子田８１－２７９</t>
  </si>
  <si>
    <t>富山市東中野町３－１０－２０</t>
  </si>
  <si>
    <t>富山市下大久保１５６２</t>
  </si>
  <si>
    <t>富山市館出町１－９－１１</t>
  </si>
  <si>
    <t>富山市新川原町３－５</t>
    <rPh sb="0" eb="3">
      <t>トヤマシ</t>
    </rPh>
    <rPh sb="3" eb="7">
      <t>シンカワラマチ</t>
    </rPh>
    <phoneticPr fontId="2"/>
  </si>
  <si>
    <t>ｐａｃｅ　パーチェ</t>
  </si>
  <si>
    <t>富山市三室荒屋５４１－２７</t>
  </si>
  <si>
    <t>富山市大泉町１－６－１７</t>
  </si>
  <si>
    <t>石川県金沢市此花町5-6ライフ金沢第1ビル601A</t>
    <rPh sb="0" eb="3">
      <t>イシカワケン</t>
    </rPh>
    <rPh sb="3" eb="6">
      <t>カナザワシ</t>
    </rPh>
    <rPh sb="6" eb="7">
      <t>コ</t>
    </rPh>
    <rPh sb="7" eb="8">
      <t>ハナ</t>
    </rPh>
    <rPh sb="8" eb="9">
      <t>マチ</t>
    </rPh>
    <rPh sb="15" eb="17">
      <t>カナザワ</t>
    </rPh>
    <rPh sb="17" eb="18">
      <t>ダイ</t>
    </rPh>
    <phoneticPr fontId="2"/>
  </si>
  <si>
    <t>富山市八尾町大杉４９</t>
  </si>
  <si>
    <t>ぱあまやさん　花いちもんめ</t>
  </si>
  <si>
    <t>ヘアーロータス</t>
  </si>
  <si>
    <t>富山市上大久保２０３４</t>
  </si>
  <si>
    <t>富山市東大久保４３５</t>
  </si>
  <si>
    <t>富山市大島二丁目301</t>
    <rPh sb="0" eb="3">
      <t>トヤマシ</t>
    </rPh>
    <rPh sb="3" eb="5">
      <t>オオシマ</t>
    </rPh>
    <rPh sb="5" eb="8">
      <t>ニチョウメ</t>
    </rPh>
    <phoneticPr fontId="2"/>
  </si>
  <si>
    <t>0716</t>
  </si>
  <si>
    <t>0863</t>
  </si>
  <si>
    <t>富山市水橋上条新町７－５</t>
  </si>
  <si>
    <t>富山市上大久保２７５</t>
  </si>
  <si>
    <t>さろん　麦んちのはなれ</t>
    <rPh sb="4" eb="5">
      <t>ムギ</t>
    </rPh>
    <phoneticPr fontId="2"/>
  </si>
  <si>
    <t>富山市上大久保２０７８－２</t>
  </si>
  <si>
    <t>富山市八人町１－１３</t>
    <rPh sb="0" eb="3">
      <t>トヤマシ</t>
    </rPh>
    <rPh sb="3" eb="6">
      <t>ハチニンマチ</t>
    </rPh>
    <phoneticPr fontId="2"/>
  </si>
  <si>
    <t>富山市上大久保８４２－１</t>
  </si>
  <si>
    <t>0676</t>
  </si>
  <si>
    <t>美容室　ＫＡＺＵ</t>
  </si>
  <si>
    <t>0801</t>
  </si>
  <si>
    <t>有限会社　　フレンズ</t>
  </si>
  <si>
    <t>美容室　シュプール</t>
  </si>
  <si>
    <t>富山市下大久保２２０１－３９</t>
  </si>
  <si>
    <t>Ｋ　美容室</t>
  </si>
  <si>
    <t>美容室　ＭＯＶＥ</t>
  </si>
  <si>
    <t>富山市上大久保１００</t>
  </si>
  <si>
    <t>埼玉県所沢市緑町四丁目１－１８</t>
    <rPh sb="0" eb="3">
      <t>サイタマケン</t>
    </rPh>
    <rPh sb="3" eb="6">
      <t>トコロザワシ</t>
    </rPh>
    <rPh sb="6" eb="7">
      <t>ミドリ</t>
    </rPh>
    <rPh sb="7" eb="8">
      <t>チョウ</t>
    </rPh>
    <rPh sb="8" eb="11">
      <t>ヨンチョウメ</t>
    </rPh>
    <phoneticPr fontId="2"/>
  </si>
  <si>
    <t>ぱあまはうす　ゆかり</t>
  </si>
  <si>
    <t>0410</t>
  </si>
  <si>
    <t>マロミ美容院</t>
  </si>
  <si>
    <t>富山市西山王町８－２７－１</t>
  </si>
  <si>
    <t>美容室　たかやま</t>
  </si>
  <si>
    <t>富山市笹津４９０－１</t>
  </si>
  <si>
    <t>ビューティ　サロン　レリアン</t>
  </si>
  <si>
    <t>富山市町村６６</t>
    <rPh sb="0" eb="3">
      <t>トヤマシ</t>
    </rPh>
    <rPh sb="3" eb="5">
      <t>マチムラ</t>
    </rPh>
    <phoneticPr fontId="2"/>
  </si>
  <si>
    <t>ビューティ　花園</t>
  </si>
  <si>
    <t>富山市四方荒屋１３６４－１６</t>
    <rPh sb="0" eb="3">
      <t>トヤマシ</t>
    </rPh>
    <rPh sb="3" eb="5">
      <t>ヨカタ</t>
    </rPh>
    <rPh sb="5" eb="7">
      <t>アラヤ</t>
    </rPh>
    <phoneticPr fontId="2"/>
  </si>
  <si>
    <t>富山市猪谷１１０２－１</t>
  </si>
  <si>
    <t>富山市千石町一丁目2-15</t>
    <rPh sb="0" eb="3">
      <t>トヤマシ</t>
    </rPh>
    <rPh sb="3" eb="6">
      <t>センゴクマチ</t>
    </rPh>
    <rPh sb="6" eb="9">
      <t>イッチョウメ</t>
    </rPh>
    <phoneticPr fontId="2"/>
  </si>
  <si>
    <t>富山市猪谷５０５</t>
  </si>
  <si>
    <t>富山市猪谷９２４</t>
  </si>
  <si>
    <t>0802</t>
  </si>
  <si>
    <t>0328</t>
  </si>
  <si>
    <t>美容室そら</t>
  </si>
  <si>
    <t>富山市八尾町大杉４１３－６</t>
  </si>
  <si>
    <t>富山市八尾町奥田９２－１６</t>
  </si>
  <si>
    <t>東京都渋谷区渋谷２－１－１</t>
  </si>
  <si>
    <t>富山市八尾町大杉５６－２</t>
  </si>
  <si>
    <t>0664</t>
  </si>
  <si>
    <t>富山市中野新町２－１－１１</t>
  </si>
  <si>
    <t>美容室みずかみ</t>
  </si>
  <si>
    <t>美容室　安夢瑠　</t>
  </si>
  <si>
    <t>有限会社　　サンシャイン　ネクスト</t>
  </si>
  <si>
    <t>ビューティサロン　じゅん</t>
  </si>
  <si>
    <t>富山市八尾町黒田５１１－２</t>
  </si>
  <si>
    <t>0507</t>
  </si>
  <si>
    <t>美容室　ヘアークリエイター　坂口</t>
  </si>
  <si>
    <t>富山市八尾町井田９９１－３</t>
  </si>
  <si>
    <t>ＪＯＵＩＲ　ＨＡＩＲ（ジュイール　ヘアー）</t>
  </si>
  <si>
    <t>富山市二口町一丁目２－１</t>
    <rPh sb="0" eb="3">
      <t>トヤマシ</t>
    </rPh>
    <rPh sb="3" eb="5">
      <t>フタクチ</t>
    </rPh>
    <rPh sb="5" eb="6">
      <t>マチ</t>
    </rPh>
    <rPh sb="6" eb="9">
      <t>イッチョウメ</t>
    </rPh>
    <phoneticPr fontId="2"/>
  </si>
  <si>
    <t>ぱあまやさん　レディ</t>
  </si>
  <si>
    <t>富山市八尾町福島１５</t>
  </si>
  <si>
    <t>ヘアーサロン　ｙｏｕ－ｙｏｕ</t>
  </si>
  <si>
    <t>富山市二口町二丁目４－９</t>
    <rPh sb="0" eb="3">
      <t>トヤマシ</t>
    </rPh>
    <rPh sb="3" eb="6">
      <t>フタクチマチ</t>
    </rPh>
    <rPh sb="6" eb="9">
      <t>ニチョウメ</t>
    </rPh>
    <phoneticPr fontId="2"/>
  </si>
  <si>
    <t>ビューティ　ハウス　ブライト</t>
  </si>
  <si>
    <t>0395</t>
  </si>
  <si>
    <t>サロン・ド・ミューズ</t>
  </si>
  <si>
    <t>美容室　エミコ</t>
  </si>
  <si>
    <t>0759</t>
  </si>
  <si>
    <t>富山市八尾町黒田５３１８</t>
  </si>
  <si>
    <t>竹森美容室</t>
  </si>
  <si>
    <t>富山市八尾町水谷字小島田２４５</t>
  </si>
  <si>
    <t>富山市向新庄町７－１６－４６</t>
  </si>
  <si>
    <t>島崎美容室</t>
  </si>
  <si>
    <t>富山市八尾町鏡町２４０２</t>
  </si>
  <si>
    <t>富山市掛尾町９８－３</t>
  </si>
  <si>
    <t>ＲＡＺＺＯ株式会社　</t>
  </si>
  <si>
    <t>Ｒ’ｓ　ｈａｉｒ</t>
  </si>
  <si>
    <t>富山市古沢４０９－２</t>
  </si>
  <si>
    <t>富山市高畠町１－１０－５０</t>
  </si>
  <si>
    <t>0799</t>
  </si>
  <si>
    <t>0274</t>
  </si>
  <si>
    <t>富山市山田湯６４４－２</t>
  </si>
  <si>
    <t>富山市上袋１００－１</t>
  </si>
  <si>
    <t>フレンズ</t>
  </si>
  <si>
    <t>ＳＥＣＯＮＤ・ＷＡＶＥ（セカンド・ウェーブ）</t>
  </si>
  <si>
    <t>美容室　セーラ</t>
  </si>
  <si>
    <t>富山市婦中町安田２６３</t>
  </si>
  <si>
    <t>富山市婦中町下轡田４８２－１</t>
  </si>
  <si>
    <t>富山市経堂３－１２－１８　</t>
  </si>
  <si>
    <t>富山市天正寺３７－２</t>
  </si>
  <si>
    <t>ヘアーメイク　Ｐｈａｓｅ</t>
  </si>
  <si>
    <t>0685</t>
  </si>
  <si>
    <t>マルソメコムズ　アピタ富山店</t>
  </si>
  <si>
    <t>富山市安野屋町１－８</t>
  </si>
  <si>
    <t>信開ドムス松川１Ｆ　Ｂ</t>
  </si>
  <si>
    <t>0358</t>
  </si>
  <si>
    <t>Ｆｏｒｅｖｅｒ</t>
  </si>
  <si>
    <t>富山市黒瀬２７７－１</t>
  </si>
  <si>
    <t>ｆｉｌｏ</t>
  </si>
  <si>
    <t>0859</t>
  </si>
  <si>
    <t>富山県富山市永楽町６－１２</t>
  </si>
  <si>
    <t>ヘアーメイク　アン</t>
  </si>
  <si>
    <t>富山市婦中町下坂倉２９－３</t>
  </si>
  <si>
    <t>富山県富山市二口町１－８－５</t>
  </si>
  <si>
    <t>富山市婦中町下轡田１６５－１</t>
  </si>
  <si>
    <t>美容室　「Ｉｍａｄａ」</t>
  </si>
  <si>
    <t>美容室　あかり</t>
  </si>
  <si>
    <t>富山市婦中町小長沢２７５８</t>
  </si>
  <si>
    <t>株式会社　Ｋａｎｏｎ</t>
    <rPh sb="0" eb="2">
      <t>カブシキ</t>
    </rPh>
    <rPh sb="2" eb="4">
      <t>カイシャ</t>
    </rPh>
    <phoneticPr fontId="2"/>
  </si>
  <si>
    <t>ヘアスタジオ　ノアノア</t>
  </si>
  <si>
    <t>富山市婦中町鵜坂93-4</t>
    <rPh sb="0" eb="3">
      <t>トヤマシ</t>
    </rPh>
    <rPh sb="3" eb="6">
      <t>フチュウマチ</t>
    </rPh>
    <phoneticPr fontId="2"/>
  </si>
  <si>
    <t>サロン・ド・ミロワール</t>
  </si>
  <si>
    <t>寺家美容院</t>
  </si>
  <si>
    <t>富山市婦中町長沢２８３７</t>
  </si>
  <si>
    <t>美容室　もうり</t>
  </si>
  <si>
    <t>有限会社　　サクセス</t>
  </si>
  <si>
    <t>0617</t>
  </si>
  <si>
    <t>協和会ビル</t>
  </si>
  <si>
    <t>タツヤビル２－Ｃ</t>
  </si>
  <si>
    <t>ゆい　美容室</t>
  </si>
  <si>
    <t>富山市婦中町田島９７２</t>
  </si>
  <si>
    <t>富山市八尾町福島三丁目８５－２</t>
    <rPh sb="8" eb="11">
      <t>サンチョウメ</t>
    </rPh>
    <phoneticPr fontId="2"/>
  </si>
  <si>
    <t>富山市婦中町笹倉１区４８３</t>
  </si>
  <si>
    <t>サロンド　ＪＯＹ</t>
  </si>
  <si>
    <t>0431</t>
  </si>
  <si>
    <t>富山市婦中町小倉４６－１</t>
  </si>
  <si>
    <t>サロン・ド・グッズ</t>
  </si>
  <si>
    <t>ＣＯＣＯＬＯＮＹ（ココロニー）</t>
  </si>
  <si>
    <t>富山市金代１４０－６</t>
  </si>
  <si>
    <t>ふるさと美容室</t>
  </si>
  <si>
    <t>富山市婦中町長沢字山岸４５２２－１０</t>
  </si>
  <si>
    <t>ムロバヤシビル２Ｆ</t>
  </si>
  <si>
    <t>株式会社　　ダリアルイジュ</t>
  </si>
  <si>
    <t>富山市千石町５－３－１２－１号</t>
  </si>
  <si>
    <t>ｃｏｌｉｔｏｏｌ　ＶｅＬｅ　大沢野店</t>
    <rPh sb="14" eb="16">
      <t>オオサワ</t>
    </rPh>
    <rPh sb="16" eb="17">
      <t>ノ</t>
    </rPh>
    <rPh sb="17" eb="18">
      <t>テン</t>
    </rPh>
    <phoneticPr fontId="2"/>
  </si>
  <si>
    <t>ヘアー　エステ　ｍｅｍｅ</t>
  </si>
  <si>
    <t>きまぐれ美容室</t>
  </si>
  <si>
    <t>富山市中滝８４－１</t>
  </si>
  <si>
    <t>ａｔ　ｏｌｉ　ＥＹＥＣＡＲＥ</t>
  </si>
  <si>
    <t>ｅｙｅ　ｓａｌｏｎ　ｓｅｅ</t>
  </si>
  <si>
    <t>ＳＡＬＯＮ　Ｃｅｓｔｏ（チェスト）</t>
  </si>
  <si>
    <t>0820</t>
  </si>
  <si>
    <t>富山市上滝２７１</t>
  </si>
  <si>
    <t>ＨＡＦＵ</t>
  </si>
  <si>
    <t>美容室　わこう</t>
  </si>
  <si>
    <t>有限会社　ミナモト</t>
  </si>
  <si>
    <t>カットコムズ　アピア店</t>
  </si>
  <si>
    <t>富山市稲荷元町２－１１－１</t>
  </si>
  <si>
    <t>富山県富山市田中町１－１６－３８</t>
  </si>
  <si>
    <t>富山市磯部町４－３－２６</t>
  </si>
  <si>
    <t>Ｎ＆Ｋ　株式会社　</t>
  </si>
  <si>
    <t>Ｄａｉｓｙ　ｈａｉｒ</t>
  </si>
  <si>
    <t>ドゥエルコート住吉１Ｆ</t>
    <rPh sb="7" eb="9">
      <t>スミヨシ</t>
    </rPh>
    <phoneticPr fontId="2"/>
  </si>
  <si>
    <t>Ｌｉｔ ｈａｉｒ ｄｅｓｉｇｎ</t>
  </si>
  <si>
    <t>ヘア・アート　Ｓｈａ－Ｎ</t>
  </si>
  <si>
    <t>Ｓｉｇｈ</t>
  </si>
  <si>
    <t>0284</t>
  </si>
  <si>
    <t>0372</t>
  </si>
  <si>
    <t>ｈａｉｒ　ｍａｋｅ　ｐｌａｃｅｒ</t>
  </si>
  <si>
    <t>0751</t>
  </si>
  <si>
    <t>富山県富山市経堂４－１－６</t>
  </si>
  <si>
    <t>富山市桜町一丁目３－４</t>
    <rPh sb="0" eb="3">
      <t>トヤマシ</t>
    </rPh>
    <rPh sb="3" eb="5">
      <t>サクラマチ</t>
    </rPh>
    <rPh sb="5" eb="8">
      <t>イッチョウメ</t>
    </rPh>
    <phoneticPr fontId="2"/>
  </si>
  <si>
    <t>Ｆｕｎｎｙ－Ｔａ（ファニータ）</t>
  </si>
  <si>
    <t>富山市新根塚町１－１－６０</t>
  </si>
  <si>
    <t>0293</t>
  </si>
  <si>
    <t>富山市婦中町増田１８－３</t>
  </si>
  <si>
    <t>0296</t>
  </si>
  <si>
    <t>富山市山室荒屋１５－２３</t>
  </si>
  <si>
    <t>株式会社　アトリエいざわ</t>
    <rPh sb="0" eb="2">
      <t>カブシキ</t>
    </rPh>
    <rPh sb="2" eb="4">
      <t>カイシャ</t>
    </rPh>
    <phoneticPr fontId="2"/>
  </si>
  <si>
    <t>富山市大泉東町１－３－２２</t>
  </si>
  <si>
    <t>ｈａｉｒ’ｓ　ａｃｔｙ</t>
  </si>
  <si>
    <t>0304</t>
  </si>
  <si>
    <t>富山市山室１４９－９</t>
  </si>
  <si>
    <t>0306</t>
  </si>
  <si>
    <t>ビューティ　サロン　「ルイズ」</t>
  </si>
  <si>
    <t>美容室　るる</t>
  </si>
  <si>
    <t>富山市桜町１－６－１６</t>
  </si>
  <si>
    <t>ａｅｚｉ　エゼ</t>
  </si>
  <si>
    <t>富山市呉羽町１６０－７</t>
  </si>
  <si>
    <t>0308</t>
  </si>
  <si>
    <t>富山市町村１－１１６</t>
    <rPh sb="0" eb="3">
      <t>トヤマシ</t>
    </rPh>
    <rPh sb="3" eb="5">
      <t>マチムラ</t>
    </rPh>
    <phoneticPr fontId="2"/>
  </si>
  <si>
    <t>ＢＬｅＤ．</t>
  </si>
  <si>
    <t>0310</t>
  </si>
  <si>
    <t>Ｆｏｏ　ｈａｉｒ</t>
  </si>
  <si>
    <t>富山市婦中町十五丁５３４</t>
  </si>
  <si>
    <t>富山市常盤台１５－２</t>
  </si>
  <si>
    <t>美容室ミルキー</t>
  </si>
  <si>
    <t>（株）アートネイチャー　富山店</t>
  </si>
  <si>
    <t>0313</t>
  </si>
  <si>
    <t>美容室ヤスヨ</t>
  </si>
  <si>
    <t>0607</t>
  </si>
  <si>
    <t>ＵＲＵＲｚ Ｅｓｔｈｅ ＆ Ｈｅａｄ  Ｓｐａ Ｓａｌｏｎ</t>
  </si>
  <si>
    <t>富山市下大久保１８８３－２５</t>
  </si>
  <si>
    <t>0323</t>
  </si>
  <si>
    <t>富山市北新町２－３－３６</t>
  </si>
  <si>
    <t>富山市有沢２３９４－４</t>
  </si>
  <si>
    <t>ｈａｉｒ　Ｎａｔｕｒｅｌ</t>
  </si>
  <si>
    <t>美容室ビー</t>
  </si>
  <si>
    <t>富山市吉岡２９７</t>
  </si>
  <si>
    <t>富山市長江新町３－３－３０</t>
  </si>
  <si>
    <t>トータルヘヤー　ヘブンス　ジグソ</t>
  </si>
  <si>
    <t>富山市鍋田４３－２</t>
  </si>
  <si>
    <t>RELAIR（リレア）</t>
  </si>
  <si>
    <t>Lu:na</t>
  </si>
  <si>
    <t>0329</t>
  </si>
  <si>
    <t>富山市鹿島町二丁目1-18</t>
    <rPh sb="0" eb="3">
      <t>トヤマシ</t>
    </rPh>
    <rPh sb="3" eb="6">
      <t>カシマチョウ</t>
    </rPh>
    <rPh sb="6" eb="9">
      <t>ニチョウメ</t>
    </rPh>
    <phoneticPr fontId="2"/>
  </si>
  <si>
    <t>ヘアーコスメ　スムーチ</t>
  </si>
  <si>
    <t>ＢＮＫビル</t>
  </si>
  <si>
    <t>富山市高屋敷４６７－４</t>
  </si>
  <si>
    <t>シエスタ　プラス　ラボ</t>
  </si>
  <si>
    <t>0339</t>
  </si>
  <si>
    <t>Ｐａｒｔｉｒｅ（パルティーレ）</t>
  </si>
  <si>
    <t>富山市越前町３－５</t>
  </si>
  <si>
    <t>ＨａｉｒＳａｌｏｎ＆ＳＰＡ　ＢＬＵＢ</t>
  </si>
  <si>
    <t>0619</t>
  </si>
  <si>
    <t>富山市元町１－１－１３</t>
  </si>
  <si>
    <t>富山県富山市新根塚町２－７－７</t>
  </si>
  <si>
    <t>寺垣第２ビル１F</t>
    <rPh sb="0" eb="2">
      <t>テラガキ</t>
    </rPh>
    <rPh sb="2" eb="3">
      <t>ダイ</t>
    </rPh>
    <phoneticPr fontId="2"/>
  </si>
  <si>
    <t>0350</t>
  </si>
  <si>
    <t>0706</t>
  </si>
  <si>
    <t>ｃｌａｉｒｅ ＢＥＡＵＴＹ ＳＡＬＯＮ</t>
  </si>
  <si>
    <t>2F-B号室</t>
    <rPh sb="4" eb="6">
      <t>ゴウシツ</t>
    </rPh>
    <phoneticPr fontId="2"/>
  </si>
  <si>
    <t>0364</t>
  </si>
  <si>
    <t>Ｌｅ・ＲＥＰＯｓ ＤＥＵＸＩＥ`ＭＥ（ル・レポ　ドゥーズィエム）</t>
  </si>
  <si>
    <t>富山市婦中町板倉２９－１</t>
  </si>
  <si>
    <t>ｈａｉｒ　ｌｏｖｅｒｓ　ＳＩＭＰＬＥ</t>
  </si>
  <si>
    <t>ＣＨＵＢＢＹ（チャビー）</t>
  </si>
  <si>
    <t>富山市下赤江町２－１４－７６</t>
  </si>
  <si>
    <t>0545</t>
  </si>
  <si>
    <t>富山市根塚町４－３－１０</t>
  </si>
  <si>
    <t>富山市上冨居３－４－１８</t>
  </si>
  <si>
    <t>0373</t>
  </si>
  <si>
    <t>0717</t>
  </si>
  <si>
    <t>0374</t>
  </si>
  <si>
    <t>株式会社　Ｇｕｒｉｏｎ</t>
    <rPh sb="0" eb="2">
      <t>カブシキ</t>
    </rPh>
    <rPh sb="2" eb="4">
      <t>カイシャ</t>
    </rPh>
    <phoneticPr fontId="2"/>
  </si>
  <si>
    <t>アースカラー</t>
  </si>
  <si>
    <t>Ｈａｉｒ　Ｓａｌｏｎ　囃</t>
  </si>
  <si>
    <t>成川ビル１Ｆ</t>
  </si>
  <si>
    <t>富山市宮尾３０９９－９</t>
  </si>
  <si>
    <t>0378</t>
  </si>
  <si>
    <t>憩いの美容室ヴィーヴル</t>
  </si>
  <si>
    <t>富山市赤田８５１－６</t>
  </si>
  <si>
    <t>富山市上飯野２－５０</t>
  </si>
  <si>
    <t>パティナベール</t>
  </si>
  <si>
    <t>富山県富山市婦中町笹倉９７</t>
  </si>
  <si>
    <t>0680</t>
  </si>
  <si>
    <t>Ｒｏｌｄ　Ｌｏｕｌｏｕ</t>
  </si>
  <si>
    <t>0385</t>
  </si>
  <si>
    <t>0387</t>
  </si>
  <si>
    <t>0694</t>
  </si>
  <si>
    <t>あとりえ　ティンカーベル</t>
  </si>
  <si>
    <t>0499</t>
  </si>
  <si>
    <t>美庵</t>
  </si>
  <si>
    <t>富山市八尾町黒田３４４６－１</t>
  </si>
  <si>
    <t>ヘア＆エステはまざき本店</t>
  </si>
  <si>
    <t>0391</t>
  </si>
  <si>
    <t>0392</t>
  </si>
  <si>
    <t>ａｎｔ</t>
  </si>
  <si>
    <t>ヴィラルラーシュ１０３号室</t>
  </si>
  <si>
    <t>ａｎｃ　ｈａｉｒ（アンク　ヘアー）</t>
  </si>
  <si>
    <t>ＣＯＬＯＲ</t>
  </si>
  <si>
    <t>富山市黒崎１３９－３</t>
  </si>
  <si>
    <t>富山市新根塚町１－１－５２</t>
  </si>
  <si>
    <t>フィールトゥビル東館</t>
  </si>
  <si>
    <t>富山市石金２－６－２３</t>
  </si>
  <si>
    <t>富山市八尾町福島６－２－２</t>
  </si>
  <si>
    <t>0400</t>
  </si>
  <si>
    <t>Ｅａｓｔ</t>
  </si>
  <si>
    <t>ヘアーサロン　結愛（ユア）</t>
  </si>
  <si>
    <t>0866</t>
  </si>
  <si>
    <t>富山市大泉中町３－４</t>
  </si>
  <si>
    <t>Ｌｅｄｙ</t>
  </si>
  <si>
    <t>富山市経堂３－８－１９</t>
  </si>
  <si>
    <t>0531</t>
  </si>
  <si>
    <t>富山市婦中町羽根新105-3</t>
    <rPh sb="0" eb="3">
      <t>トヤマシ</t>
    </rPh>
    <rPh sb="3" eb="6">
      <t>フチュウマチ</t>
    </rPh>
    <phoneticPr fontId="2"/>
  </si>
  <si>
    <t>富山市婦中町田島828-1　</t>
    <rPh sb="0" eb="3">
      <t>トヤマシ</t>
    </rPh>
    <rPh sb="3" eb="6">
      <t>フチュウマチ</t>
    </rPh>
    <rPh sb="6" eb="8">
      <t>タジマ</t>
    </rPh>
    <phoneticPr fontId="2"/>
  </si>
  <si>
    <t>株式会社　Ｌｕｄｗｉｇ</t>
    <rPh sb="0" eb="4">
      <t>カブシキガイシャ</t>
    </rPh>
    <phoneticPr fontId="2"/>
  </si>
  <si>
    <t>美容室Ａｍｉ</t>
  </si>
  <si>
    <t>ｃａｓａ　ｈｉｒｕ　ｇａｒｄｅｎ</t>
  </si>
  <si>
    <t>富山市中川原１７３－１</t>
  </si>
  <si>
    <t>石川県野々市市本町２－１－３２</t>
  </si>
  <si>
    <t>ＳＵＣＣＥＳＳ　西町店</t>
  </si>
  <si>
    <t>富山市堤町通り１－４－２０</t>
  </si>
  <si>
    <t>西町プレミア１Ｆ</t>
  </si>
  <si>
    <t>富山市婦中町笹倉２００－１</t>
  </si>
  <si>
    <t>富山市中川原５０７</t>
  </si>
  <si>
    <t>Ｂｅｔｔｙ</t>
  </si>
  <si>
    <t>富山市太郎丸本町三丁目６－１７</t>
    <rPh sb="0" eb="3">
      <t>トヤマシ</t>
    </rPh>
    <rPh sb="3" eb="6">
      <t>タロウマル</t>
    </rPh>
    <rPh sb="6" eb="8">
      <t>ホンマチ</t>
    </rPh>
    <rPh sb="8" eb="11">
      <t>サンチョウメ</t>
    </rPh>
    <phoneticPr fontId="2"/>
  </si>
  <si>
    <t>0541</t>
  </si>
  <si>
    <t>ｖｉｔ　ｃａｎｖａｓ</t>
  </si>
  <si>
    <t>富山市秋吉１３８－１０</t>
  </si>
  <si>
    <t>富山市新庄北町２０－２２</t>
    <rPh sb="0" eb="3">
      <t>トヤマシ</t>
    </rPh>
    <rPh sb="3" eb="7">
      <t>シンジョウキタマチ</t>
    </rPh>
    <phoneticPr fontId="2"/>
  </si>
  <si>
    <t>イブ美容室</t>
  </si>
  <si>
    <t>Ｂａｍｂｉ</t>
  </si>
  <si>
    <t>富山市千石町三丁目８－６</t>
    <rPh sb="0" eb="3">
      <t>トヤマシ</t>
    </rPh>
    <rPh sb="3" eb="6">
      <t>センゴクマチ</t>
    </rPh>
    <rPh sb="6" eb="9">
      <t>サンチョウメ</t>
    </rPh>
    <phoneticPr fontId="2"/>
  </si>
  <si>
    <t>富山市上大久保１５７８－４</t>
  </si>
  <si>
    <t>0650</t>
  </si>
  <si>
    <t>美容室　ＫＩＲＡＫＵ</t>
  </si>
  <si>
    <t>富山市新根塚町一丁目１－５０－１０１</t>
    <rPh sb="0" eb="3">
      <t>トヤマシ</t>
    </rPh>
    <rPh sb="3" eb="5">
      <t>シンネ</t>
    </rPh>
    <rPh sb="5" eb="6">
      <t>ヅカ</t>
    </rPh>
    <rPh sb="6" eb="7">
      <t>マチ</t>
    </rPh>
    <rPh sb="7" eb="10">
      <t>イッチョウメ</t>
    </rPh>
    <phoneticPr fontId="2"/>
  </si>
  <si>
    <t>ヴィル五福一階</t>
    <rPh sb="3" eb="5">
      <t>ゴフク</t>
    </rPh>
    <rPh sb="5" eb="7">
      <t>イッカイ</t>
    </rPh>
    <phoneticPr fontId="2"/>
  </si>
  <si>
    <t>Ｈａｉｒ　Ｒｏｏｍ　Ｖｉｔａ</t>
  </si>
  <si>
    <t>総曲輪フェリオ３Ｆ</t>
  </si>
  <si>
    <t>ａｉｌｅｓ</t>
  </si>
  <si>
    <t>中山ビル１ＦＢ</t>
  </si>
  <si>
    <t>0420</t>
  </si>
  <si>
    <t>0754</t>
  </si>
  <si>
    <t>ＬＵＳＴ</t>
  </si>
  <si>
    <t>0553</t>
  </si>
  <si>
    <t>ヘアードクター　ｈａｒｕ</t>
  </si>
  <si>
    <t>富山市二口町五丁目８－１２</t>
    <rPh sb="0" eb="3">
      <t>トヤマシ</t>
    </rPh>
    <rPh sb="3" eb="6">
      <t>フタクチマチ</t>
    </rPh>
    <rPh sb="6" eb="9">
      <t>ゴチョウメ</t>
    </rPh>
    <phoneticPr fontId="2"/>
  </si>
  <si>
    <t>ザ・セイントハウスイズミ1-D</t>
  </si>
  <si>
    <t>富山市大泉本町２－５－２２</t>
  </si>
  <si>
    <t>0403</t>
  </si>
  <si>
    <t>富山県富山市古沢４１０－２</t>
  </si>
  <si>
    <t>Ｋｕｋｋａ</t>
  </si>
  <si>
    <t>富山市太郎丸西町２－７－４</t>
  </si>
  <si>
    <t>富山市上冨居新町４－１１</t>
  </si>
  <si>
    <t>富山市向新庄町１－５－１２</t>
  </si>
  <si>
    <t>Ａｎｇａｇａ</t>
  </si>
  <si>
    <t>0411</t>
  </si>
  <si>
    <t>美容の和楽</t>
  </si>
  <si>
    <t>0825</t>
  </si>
  <si>
    <t>富山市西中野町一丁目１－１</t>
    <rPh sb="0" eb="3">
      <t>トヤマシ</t>
    </rPh>
    <rPh sb="3" eb="7">
      <t>ニシナカノマチ</t>
    </rPh>
    <rPh sb="7" eb="10">
      <t>イッチョウメ</t>
    </rPh>
    <phoneticPr fontId="2"/>
  </si>
  <si>
    <t>ｃｉｎｑ　ｓａｌｏｎ（サンクサロン）</t>
  </si>
  <si>
    <t>オオタビル１Ｆ</t>
  </si>
  <si>
    <t>ｎｅｕｋ ｈａｉｒ ｃａｒｅ ｓａｌｏｎ</t>
  </si>
  <si>
    <t>１Ｆ</t>
  </si>
  <si>
    <t>ｈａｉｒ　ｍａｋｅ　ｂｒａｎｃｈ</t>
  </si>
  <si>
    <t>富山市五福末広町１１９９</t>
  </si>
  <si>
    <t>Ｓｈｉｐｓ　</t>
  </si>
  <si>
    <t>美容室かおり</t>
    <rPh sb="0" eb="3">
      <t>ビヨウシツ</t>
    </rPh>
    <phoneticPr fontId="2"/>
  </si>
  <si>
    <t>ｄｅ　ｃｉｓｅａｕｘ（デ　シソー）</t>
  </si>
  <si>
    <t>Ｔ－ＣＵＢＥ　１Ｆ</t>
  </si>
  <si>
    <t>ｋａｈｕｎｅ</t>
  </si>
  <si>
    <t>0442</t>
  </si>
  <si>
    <t>0421</t>
  </si>
  <si>
    <t>ニコット</t>
  </si>
  <si>
    <t>0422</t>
  </si>
  <si>
    <t>0654</t>
  </si>
  <si>
    <t>カットコムズ　山室店</t>
  </si>
  <si>
    <t>0688</t>
  </si>
  <si>
    <t>0424</t>
  </si>
  <si>
    <t>カットコムズ</t>
  </si>
  <si>
    <t>５８３　ｋｏｙｏｍｉ</t>
  </si>
  <si>
    <t>富山市新富町１－２－３</t>
  </si>
  <si>
    <t>富山市千代田町９－４５</t>
  </si>
  <si>
    <t>富山市高木７１６－３</t>
  </si>
  <si>
    <t>富山市藤木２６７９</t>
    <rPh sb="0" eb="3">
      <t>トヤマシ</t>
    </rPh>
    <rPh sb="3" eb="5">
      <t>フジノキ</t>
    </rPh>
    <phoneticPr fontId="2"/>
  </si>
  <si>
    <t>ｈａｉｒ　Ａｎｇｅ</t>
  </si>
  <si>
    <t>富山市三上１０－１</t>
  </si>
  <si>
    <t>0428</t>
  </si>
  <si>
    <t>フェリーチェ</t>
  </si>
  <si>
    <t>0429</t>
  </si>
  <si>
    <t>美容室　ＪＯＹ</t>
  </si>
  <si>
    <t>富山市二口町１丁目１０－１</t>
    <rPh sb="0" eb="3">
      <t>トヤマシ</t>
    </rPh>
    <rPh sb="3" eb="5">
      <t>フタクチ</t>
    </rPh>
    <rPh sb="5" eb="6">
      <t>マチ</t>
    </rPh>
    <phoneticPr fontId="2"/>
  </si>
  <si>
    <t>0430</t>
  </si>
  <si>
    <t>Ｙ＆Ｍハウス１Ｆ</t>
  </si>
  <si>
    <t>富山市桜町二丁目２－２７</t>
    <rPh sb="5" eb="8">
      <t>ニチョウメ</t>
    </rPh>
    <phoneticPr fontId="2"/>
  </si>
  <si>
    <t>美容室　ゆらり</t>
  </si>
  <si>
    <t>富山市堀３３２</t>
  </si>
  <si>
    <t>美容室　ミント</t>
  </si>
  <si>
    <t>0432</t>
  </si>
  <si>
    <t>フォレストＡ棟</t>
    <rPh sb="6" eb="7">
      <t>トウ</t>
    </rPh>
    <phoneticPr fontId="2"/>
  </si>
  <si>
    <t>富山市婦中町速星１０２６－１</t>
  </si>
  <si>
    <t>株式会社　Ｅｉｇｈｔ</t>
    <rPh sb="0" eb="2">
      <t>カブシキ</t>
    </rPh>
    <rPh sb="2" eb="4">
      <t>カイシャ</t>
    </rPh>
    <phoneticPr fontId="2"/>
  </si>
  <si>
    <t>富山市開６５４－１</t>
  </si>
  <si>
    <t>0494</t>
  </si>
  <si>
    <t>Ｂｅｒｅｅ</t>
  </si>
  <si>
    <t>富山市堀５４－１</t>
  </si>
  <si>
    <t>Ｌｕｎａ ｐｉｅｎａ</t>
  </si>
  <si>
    <t>Ｈａｉｒ　ＲＯＪＪ（ヘアー　ロッジ）</t>
  </si>
  <si>
    <t>ローレックス掛尾１０５号</t>
  </si>
  <si>
    <t>ヘアールーム　ミント</t>
  </si>
  <si>
    <t>0784</t>
  </si>
  <si>
    <t>0446</t>
  </si>
  <si>
    <t>0778</t>
  </si>
  <si>
    <t>ＵＮＩＣＡ（ユニカ）</t>
  </si>
  <si>
    <t>富山市大泉東町１－１０－４</t>
  </si>
  <si>
    <t>0447</t>
  </si>
  <si>
    <t>0448</t>
  </si>
  <si>
    <t>ＴＯＮＥＲＩＣＯ（トネリコ）</t>
  </si>
  <si>
    <t>富山市藤木１６２２－１</t>
  </si>
  <si>
    <t>ａｉｎ　ｇｒａｐｈ（アン　グラフ）</t>
  </si>
  <si>
    <t>美容室　シェリーズ</t>
  </si>
  <si>
    <t>富山市婦中町板倉４７１－１</t>
  </si>
  <si>
    <t>株式会社 theB　</t>
    <rPh sb="0" eb="4">
      <t>カブシキガイシャ</t>
    </rPh>
    <phoneticPr fontId="2"/>
  </si>
  <si>
    <t>シェール・ピエール</t>
  </si>
  <si>
    <t>２Ｆ</t>
  </si>
  <si>
    <t>CARTE</t>
  </si>
  <si>
    <t>0763</t>
  </si>
  <si>
    <t>0656</t>
  </si>
  <si>
    <t>ＰＩＮＥ　ＨＩＬＬＳ</t>
  </si>
  <si>
    <t>富山市婦中町高日附９０６－１８</t>
  </si>
  <si>
    <t>0456</t>
  </si>
  <si>
    <t>0858</t>
  </si>
  <si>
    <t>0873</t>
  </si>
  <si>
    <t>Ｈａｉｒ　ＲＩＴＺ　ヘアリッツ</t>
  </si>
  <si>
    <t>Ｐｒｉｍｅ　ｈａｉｒ　ｗｏｒｋｓ</t>
  </si>
  <si>
    <t>0677</t>
  </si>
  <si>
    <t>川筋ビル１Ｆ</t>
  </si>
  <si>
    <t>Ｈａｉｒ　Ｓａｌｏｎ　ｅｃｒｕ</t>
  </si>
  <si>
    <t>株式会社　　フロール・ライフクリエート</t>
  </si>
  <si>
    <t>ガジュマル</t>
  </si>
  <si>
    <t>富山市婦中町持田１３４－１</t>
  </si>
  <si>
    <t>有限会社　　サニー美容室</t>
  </si>
  <si>
    <t>満天の湯富山店内</t>
  </si>
  <si>
    <t>グリーンハイツ１Ｆ</t>
  </si>
  <si>
    <t>カットコムズ　アピタ富山東店</t>
  </si>
  <si>
    <t>富山市上冨居３－８－３８</t>
  </si>
  <si>
    <t>アピタ富山東店２Ｆ</t>
  </si>
  <si>
    <t>富山市総曲輪４－１０－２１　１Ｆ</t>
  </si>
  <si>
    <t>ｅｌａｍａ（エラマ）</t>
  </si>
  <si>
    <t>富山市中川原新町４７</t>
    <rPh sb="0" eb="3">
      <t>トヤマシ</t>
    </rPh>
    <rPh sb="3" eb="8">
      <t>ナカガワラシンマチ</t>
    </rPh>
    <phoneticPr fontId="2"/>
  </si>
  <si>
    <t>ｈａｉｒ　ｒｕｍａｈ（ヘアー　ルマー）</t>
  </si>
  <si>
    <t>富山市清水町２－６－３</t>
  </si>
  <si>
    <t>0466</t>
  </si>
  <si>
    <t>Riz by MILANDA</t>
  </si>
  <si>
    <t>ｐｅｔｉｔ　ｐｒｉｍａ</t>
  </si>
  <si>
    <t>富山市大島２－４７－１</t>
  </si>
  <si>
    <t>富山市大泉１２８０－１１</t>
  </si>
  <si>
    <t>富山市太郎丸西町二丁目１－５</t>
    <rPh sb="8" eb="11">
      <t>ニチョウメ</t>
    </rPh>
    <phoneticPr fontId="2"/>
  </si>
  <si>
    <t>富山市月岡町４－８７</t>
  </si>
  <si>
    <t>0472</t>
  </si>
  <si>
    <t>Ｈａｉｒ　Ｄｅｓｉｇｎ　Ｒａｎａ</t>
  </si>
  <si>
    <t>0473</t>
  </si>
  <si>
    <t>富山市蛯町２－２</t>
  </si>
  <si>
    <t>富山市西大泉１６－１６</t>
  </si>
  <si>
    <t>富山市太郎丸西町１－３－４</t>
  </si>
  <si>
    <t>株式会社　　ハクブン</t>
  </si>
  <si>
    <t>ALO art hair</t>
  </si>
  <si>
    <t>Ｕｎ　ｎｏｕｖｅｌｌｅ（アン　ヌーベル）</t>
  </si>
  <si>
    <t>富山市五福新町５４６５－５</t>
  </si>
  <si>
    <t>富山県富山市五福５４６５－５</t>
  </si>
  <si>
    <t>富山市布瀬町南３－６－１０</t>
  </si>
  <si>
    <t>0480</t>
  </si>
  <si>
    <t>ＲＡＴＮＡ（ラトナ）</t>
  </si>
  <si>
    <t>井上ビル１Ｆ</t>
  </si>
  <si>
    <t>0771</t>
  </si>
  <si>
    <t>富山県富山市堀川町３００　セモンテビル１０３</t>
  </si>
  <si>
    <t>ふれあいハウス１Ｆ</t>
  </si>
  <si>
    <t>Ｋ．ｄｏ　富山総曲輪店</t>
  </si>
  <si>
    <t>富山市新庄銀座３－２１３－１</t>
  </si>
  <si>
    <t>0485</t>
  </si>
  <si>
    <t>富山市向新庄２１６－１</t>
  </si>
  <si>
    <t>0486</t>
  </si>
  <si>
    <t>ＳＨｉＮＥ</t>
  </si>
  <si>
    <t>ウイングヒル１－Ａ号</t>
  </si>
  <si>
    <t>0709</t>
  </si>
  <si>
    <t>エステサロン　りいる</t>
  </si>
  <si>
    <t>富山市鍋田２３－２９</t>
  </si>
  <si>
    <t>0492</t>
  </si>
  <si>
    <t>ブレイン東中野１０３</t>
  </si>
  <si>
    <t>Ｈａｉｒ　Ｃｏｎｃｉｅｒ　ＭＩＲＡＩ</t>
  </si>
  <si>
    <t>富山県富山市牛島新町５－５　インテックビル</t>
  </si>
  <si>
    <t>富山市開１３８８</t>
  </si>
  <si>
    <t>0497</t>
  </si>
  <si>
    <t>富山市新根塚町３－４－３</t>
  </si>
  <si>
    <t>0838</t>
  </si>
  <si>
    <t>富山市八尾町井田２１４－２</t>
  </si>
  <si>
    <t>0500</t>
  </si>
  <si>
    <t>富山市豊田町１－１２－１</t>
  </si>
  <si>
    <t>富山市婦中町千里３１０－１</t>
    <rPh sb="0" eb="3">
      <t>トヤマシ</t>
    </rPh>
    <rPh sb="3" eb="6">
      <t>フチュウマチ</t>
    </rPh>
    <rPh sb="6" eb="8">
      <t>チサト</t>
    </rPh>
    <phoneticPr fontId="2"/>
  </si>
  <si>
    <t>アンソレイユＢ－２</t>
  </si>
  <si>
    <t>株式会社ル・アンジェ</t>
    <rPh sb="0" eb="4">
      <t>カブシキガイシャ</t>
    </rPh>
    <phoneticPr fontId="2"/>
  </si>
  <si>
    <t>富山県富山市掛尾町４５３</t>
  </si>
  <si>
    <t>富山市町村１－１８９－４</t>
  </si>
  <si>
    <t>富山県富山市町村１－１８９－４</t>
  </si>
  <si>
    <t>富山市西中野町一丁目13-2</t>
    <rPh sb="0" eb="3">
      <t>トヤマシ</t>
    </rPh>
    <rPh sb="3" eb="4">
      <t>ニシ</t>
    </rPh>
    <rPh sb="4" eb="6">
      <t>ナカノ</t>
    </rPh>
    <rPh sb="7" eb="10">
      <t>イッチョウメ</t>
    </rPh>
    <phoneticPr fontId="2"/>
  </si>
  <si>
    <t>富山市平吹町７－１１　１Ｆ</t>
  </si>
  <si>
    <t>0505</t>
  </si>
  <si>
    <t>美容室　ラブリー</t>
  </si>
  <si>
    <t>富山市神通町３－４－１３</t>
  </si>
  <si>
    <t>株式会社　　Ｐｕｚｚｌｅ</t>
  </si>
  <si>
    <t>0509</t>
  </si>
  <si>
    <t>富山市山室３１３－７</t>
  </si>
  <si>
    <t>富山市松若町８－３７</t>
  </si>
  <si>
    <t>富山市東中野町３－５－８</t>
  </si>
  <si>
    <t>富山市五福１９２９－１</t>
    <rPh sb="0" eb="3">
      <t>トヤマシ</t>
    </rPh>
    <rPh sb="3" eb="5">
      <t>ゴフク</t>
    </rPh>
    <phoneticPr fontId="2"/>
  </si>
  <si>
    <t>ヘアーアンドスペース　オーオー</t>
  </si>
  <si>
    <t>Ａｇｕ　ｈａｉｒ　ｓｈｉｎｅ</t>
  </si>
  <si>
    <t>0516</t>
  </si>
  <si>
    <t>ル・アンジェ</t>
  </si>
  <si>
    <t>ＢＩＪＯＵ　ＢＬＡＮＣ（ビジョ　ブラン）</t>
  </si>
  <si>
    <t>0518</t>
  </si>
  <si>
    <t>富山市総曲輪３－５－１３</t>
  </si>
  <si>
    <t>0520</t>
  </si>
  <si>
    <t>コンチネンタル砂町１０３号</t>
  </si>
  <si>
    <t>青山ビル１０２</t>
  </si>
  <si>
    <t>富山市黒瀬北町１－１－１７</t>
  </si>
  <si>
    <t>0522</t>
  </si>
  <si>
    <t>ラフス　ヘア　デザイン</t>
  </si>
  <si>
    <t>サンライズカルティエパーク１Ｆ</t>
  </si>
  <si>
    <t>富山市婦中町分田１５７</t>
  </si>
  <si>
    <t>富山市宮園町１１７－４</t>
  </si>
  <si>
    <t>富山県富山市清水町４－２－３</t>
  </si>
  <si>
    <t>アデランス富山</t>
  </si>
  <si>
    <t>株式会社　アデランス</t>
  </si>
  <si>
    <t>富山市婦中町速星９５８－１</t>
    <rPh sb="0" eb="3">
      <t>トヤマシ</t>
    </rPh>
    <rPh sb="3" eb="6">
      <t>フチュウマチ</t>
    </rPh>
    <rPh sb="6" eb="8">
      <t>ハヤホシ</t>
    </rPh>
    <phoneticPr fontId="2"/>
  </si>
  <si>
    <t>富山市総曲輪３－５－１０　</t>
  </si>
  <si>
    <t>Ｌｉｎｅ</t>
  </si>
  <si>
    <t>ＭＥＺｏＮ（メゾン）</t>
  </si>
  <si>
    <t>富山市鹿島町二丁目2-22</t>
    <rPh sb="0" eb="3">
      <t>トヤマシ</t>
    </rPh>
    <rPh sb="3" eb="6">
      <t>カシマチョウ</t>
    </rPh>
    <rPh sb="6" eb="7">
      <t>フタ</t>
    </rPh>
    <rPh sb="7" eb="9">
      <t>チョウメ</t>
    </rPh>
    <phoneticPr fontId="2"/>
  </si>
  <si>
    <t>富山市総曲輪３－５－１</t>
  </si>
  <si>
    <t>富山市丸の内２－２－１４</t>
  </si>
  <si>
    <t>Ｍｕｔｔｉ　Ｐｕｃｃｉ</t>
  </si>
  <si>
    <t>富山市山室１７５－３</t>
  </si>
  <si>
    <t>0561</t>
  </si>
  <si>
    <t>ｏｗｌ</t>
  </si>
  <si>
    <t>Ｌｕｄｗｉｇ（ルートヴィッヒ）</t>
  </si>
  <si>
    <t>富山市二口町４－９－１０</t>
  </si>
  <si>
    <t>アオイビル１０３</t>
  </si>
  <si>
    <t>ｈａｉｒ＆ｆｏｒｍ　ａｒ（ヘアーアンドフォーム　アール）</t>
  </si>
  <si>
    <t>0652</t>
  </si>
  <si>
    <t>0872</t>
  </si>
  <si>
    <t>トータルビューティーサロンＳａｂｒｉｎａ（サブリナ）</t>
  </si>
  <si>
    <t>林ビル２Ｆ</t>
  </si>
  <si>
    <t>RUTILUS(ﾙﾁﾙｽ）</t>
  </si>
  <si>
    <t>0564</t>
  </si>
  <si>
    <t>0833</t>
  </si>
  <si>
    <t>0570</t>
  </si>
  <si>
    <t>美容室　蓮</t>
  </si>
  <si>
    <t>富山市二口町３－７－８</t>
  </si>
  <si>
    <t>ＪＵＭＰ　ＭＡＲＵＹＡＭＡ</t>
  </si>
  <si>
    <t>富山市長附744-13</t>
  </si>
  <si>
    <t>富山市開ケ丘４３－６</t>
  </si>
  <si>
    <t>SÖPÖ（ソポ）</t>
  </si>
  <si>
    <t>富山市赤田５７２－２</t>
  </si>
  <si>
    <t>ｒｉｌａ</t>
  </si>
  <si>
    <t>富山市婦中町速星１区３０４－１</t>
  </si>
  <si>
    <t>ｃｈｅｒｉｒ(シェリール）</t>
  </si>
  <si>
    <t>富山市千代田町10-10</t>
    <rPh sb="0" eb="3">
      <t>トヤマシ</t>
    </rPh>
    <rPh sb="3" eb="7">
      <t>チヨダマチ</t>
    </rPh>
    <phoneticPr fontId="2"/>
  </si>
  <si>
    <t>0575</t>
  </si>
  <si>
    <t>ｈａｉｒｍａｋｅ　Ｅｎｃｈａｎｔｅ</t>
  </si>
  <si>
    <t>富山市綾田町１－３－１３</t>
  </si>
  <si>
    <t>0577</t>
  </si>
  <si>
    <t>0800</t>
  </si>
  <si>
    <t>0579</t>
  </si>
  <si>
    <t>ＳＯＵＳＨＩＮオフィス姫神</t>
  </si>
  <si>
    <t>富山市住吉町１－７－２２</t>
  </si>
  <si>
    <t>まつげパーマと眉毛やさん</t>
    <rPh sb="7" eb="8">
      <t>マユ</t>
    </rPh>
    <rPh sb="8" eb="9">
      <t>ケ</t>
    </rPh>
    <phoneticPr fontId="2"/>
  </si>
  <si>
    <t>0580</t>
  </si>
  <si>
    <t>ＨＡＩＲ　ＳＡＬＯＮ　ＷＩＴＣＨ</t>
  </si>
  <si>
    <t>Ｍｍｍ</t>
  </si>
  <si>
    <t>0584</t>
  </si>
  <si>
    <t>富山市二口町２－５－１１</t>
  </si>
  <si>
    <t>パティオ二口Ｂ</t>
  </si>
  <si>
    <t>癒しのサロンアイビー</t>
    <rPh sb="0" eb="1">
      <t>イヤ</t>
    </rPh>
    <phoneticPr fontId="2"/>
  </si>
  <si>
    <t>美容室　Ｐｌａｉｒｅ</t>
  </si>
  <si>
    <t>富山ステーションフロントＣｉＣ２Ｆ</t>
  </si>
  <si>
    <t>大阪府大阪市淀川区西中島３－１０－１３　物産ビル９０５号室</t>
  </si>
  <si>
    <t>美容室　Ｊ．ｓｍｉｌｅ</t>
  </si>
  <si>
    <t>マルソメコムズ　山室店</t>
  </si>
  <si>
    <t>グリーンモール山室内１Ｆ</t>
  </si>
  <si>
    <t>富山市羽根１４０７－２</t>
  </si>
  <si>
    <t>宮城県仙台市青葉区本町１－２－６　第二志ら梅ビル２階</t>
  </si>
  <si>
    <t>0737</t>
  </si>
  <si>
    <t>ＨＡＩＲ　ＳＴＵＤＩＯ　ＮＯＭＥ（ノーム）</t>
  </si>
  <si>
    <t>0738</t>
  </si>
  <si>
    <t>凛　美容室</t>
  </si>
  <si>
    <t>0740</t>
  </si>
  <si>
    <t>ＧＩＢＢＯＵＳ　ＭＯＯＮ（ギボス　ムーン）</t>
  </si>
  <si>
    <t>ＭＡＴＴ</t>
  </si>
  <si>
    <t>富山市石坂新９６２－１</t>
  </si>
  <si>
    <t>ＭＡＱＵＩＡ（マキア）南富山駅前店</t>
  </si>
  <si>
    <t>サザンコート１Ｆ</t>
  </si>
  <si>
    <t>0744</t>
  </si>
  <si>
    <t>ＳＴＡＲ　ｈａｉｒｍａｋｅ　スターヘアメイク</t>
  </si>
  <si>
    <t>富山市茶屋町４７７</t>
  </si>
  <si>
    <t>Ｆｏｒ　Ｙｏｕビル１Ｆ</t>
  </si>
  <si>
    <t>富山市山室荒屋新町３８０</t>
    <rPh sb="0" eb="3">
      <t>トヤマシ</t>
    </rPh>
    <rPh sb="3" eb="5">
      <t>ヤマムロ</t>
    </rPh>
    <rPh sb="5" eb="7">
      <t>アラヤ</t>
    </rPh>
    <phoneticPr fontId="2"/>
  </si>
  <si>
    <t>0745</t>
  </si>
  <si>
    <t>富山市婦中町上轡田８０６－２</t>
  </si>
  <si>
    <t>富山市下堀６２</t>
    <rPh sb="3" eb="4">
      <t>シモ</t>
    </rPh>
    <phoneticPr fontId="2"/>
  </si>
  <si>
    <t>0746</t>
  </si>
  <si>
    <t>フーガ　ネーチャーズ</t>
  </si>
  <si>
    <t>0747</t>
  </si>
  <si>
    <t>互感tomoshibi 富山インター店</t>
    <rPh sb="0" eb="1">
      <t>ゴ</t>
    </rPh>
    <rPh sb="1" eb="2">
      <t>カン</t>
    </rPh>
    <rPh sb="12" eb="14">
      <t>トミヤマ</t>
    </rPh>
    <rPh sb="18" eb="19">
      <t>テン</t>
    </rPh>
    <phoneticPr fontId="2"/>
  </si>
  <si>
    <t>富山市新根塚町２－１０－１２</t>
  </si>
  <si>
    <t>0749</t>
  </si>
  <si>
    <t>富山市上袋１００－６８</t>
  </si>
  <si>
    <t>0750</t>
  </si>
  <si>
    <t>ＳＴＥＰ　ＣＯＵＲＴ117</t>
  </si>
  <si>
    <t>Ｋａｎｏｎ（カノン）</t>
  </si>
  <si>
    <t>0808</t>
  </si>
  <si>
    <t>eyedesign Puna</t>
  </si>
  <si>
    <t>0753</t>
  </si>
  <si>
    <t>富山市本郷町８９－３４</t>
  </si>
  <si>
    <t>ピサリ本郷２号室</t>
  </si>
  <si>
    <t>0755</t>
  </si>
  <si>
    <t>富山市金代３４４－２</t>
  </si>
  <si>
    <t>0695</t>
  </si>
  <si>
    <t>0756</t>
  </si>
  <si>
    <t>ジュネスマキ２０１</t>
  </si>
  <si>
    <t>セルビル１Ｆ</t>
  </si>
  <si>
    <t>0757</t>
  </si>
  <si>
    <t>富山市高木南１０８－１１</t>
  </si>
  <si>
    <t>0674</t>
  </si>
  <si>
    <t>0590</t>
  </si>
  <si>
    <t>富山市中老田３０３番地１</t>
    <rPh sb="0" eb="3">
      <t>トヤマシ</t>
    </rPh>
    <rPh sb="3" eb="6">
      <t>ナカオイダ</t>
    </rPh>
    <rPh sb="9" eb="11">
      <t>バンチ</t>
    </rPh>
    <phoneticPr fontId="2"/>
  </si>
  <si>
    <t>ＡＬＬＵＲＥ　hair＆este</t>
  </si>
  <si>
    <t>富山県富山市太郎丸西町１－８－３</t>
  </si>
  <si>
    <t>アイラッシュサロンＤＩＶＡ</t>
  </si>
  <si>
    <t>0595</t>
  </si>
  <si>
    <t>0700</t>
  </si>
  <si>
    <t>0596</t>
  </si>
  <si>
    <t>寺田薬局２Ｆ</t>
  </si>
  <si>
    <t>富山市小泉町３３</t>
    <rPh sb="0" eb="3">
      <t>トヤマシ</t>
    </rPh>
    <rPh sb="3" eb="6">
      <t>コイズミチョウ</t>
    </rPh>
    <phoneticPr fontId="2"/>
  </si>
  <si>
    <t>ＨＡＩＲ　ＤＲＥＳＳＩＮＧ　Ｓ＊（ヘアドレッシングエス）</t>
  </si>
  <si>
    <t>0599</t>
  </si>
  <si>
    <t>福井県敦賀市呉竹町一丁目39番17号河村ビル101</t>
    <rPh sb="0" eb="3">
      <t>フクイケン</t>
    </rPh>
    <rPh sb="3" eb="6">
      <t>ツルガシ</t>
    </rPh>
    <rPh sb="6" eb="7">
      <t>クレ</t>
    </rPh>
    <rPh sb="7" eb="8">
      <t>タケ</t>
    </rPh>
    <rPh sb="8" eb="9">
      <t>マチ</t>
    </rPh>
    <rPh sb="9" eb="12">
      <t>イッチョウメ</t>
    </rPh>
    <rPh sb="14" eb="15">
      <t>バン</t>
    </rPh>
    <rPh sb="17" eb="18">
      <t>ゴウ</t>
    </rPh>
    <rPh sb="18" eb="20">
      <t>カワムラ</t>
    </rPh>
    <phoneticPr fontId="2"/>
  </si>
  <si>
    <t>富山市山室３８２－３０</t>
  </si>
  <si>
    <t>富山市田中町５－２－２</t>
  </si>
  <si>
    <t>カットコムズ　アピタ富山店</t>
  </si>
  <si>
    <t>0603</t>
  </si>
  <si>
    <t>Bi à sœurs（ビー ア スール）</t>
  </si>
  <si>
    <t>ｃｈｅｒｉｍ　ｂｏａｔ</t>
  </si>
  <si>
    <t>富山市向新庄荏原２３３－１１</t>
  </si>
  <si>
    <t>富山市天正寺１２９－２</t>
  </si>
  <si>
    <t>株式会社　Classy World</t>
    <rPh sb="0" eb="4">
      <t>カブシキガイシャ</t>
    </rPh>
    <phoneticPr fontId="2"/>
  </si>
  <si>
    <t>0608</t>
  </si>
  <si>
    <t>びようしつ　ｍｏｆｕｍｏｆｕ</t>
  </si>
  <si>
    <t>富山市呉羽町６９５４</t>
  </si>
  <si>
    <t>マルソメコムズ　アピア店</t>
  </si>
  <si>
    <t>富山市下冨居１－８－２０</t>
  </si>
  <si>
    <t>0610</t>
  </si>
  <si>
    <t>富山市藤木１７３０－１</t>
  </si>
  <si>
    <t>0611</t>
  </si>
  <si>
    <t>ＴＡＬＩＳＥ（タリーゼ）</t>
  </si>
  <si>
    <t>0613</t>
  </si>
  <si>
    <t>Ｒｉｓｅ　ｈａｉｒ</t>
  </si>
  <si>
    <t>ナカオビル１－１</t>
  </si>
  <si>
    <t>0614</t>
  </si>
  <si>
    <t>Ｍ．Ｒ美容室</t>
  </si>
  <si>
    <t>富山市町村２３８－９　</t>
  </si>
  <si>
    <t>ＨＡＩＲ　ＳＡＬＯＮ　Ｂｅｌｄａｄ</t>
  </si>
  <si>
    <t>富山市掛尾町４７６－２</t>
  </si>
  <si>
    <t>富山市奥田双葉町１－３３</t>
  </si>
  <si>
    <t>0620</t>
  </si>
  <si>
    <t>ｋｉｌｔｏ．</t>
  </si>
  <si>
    <t>Ｑｕａｉｎｔ　Ｆｅｌｌｏｗ’ｓ</t>
  </si>
  <si>
    <t>ＢＩＡＮＣＡ</t>
  </si>
  <si>
    <t>富山市於保多町５－１５</t>
  </si>
  <si>
    <t>Ｈａｉｒ　＆　Ｍａｋｅ　ＣｕＣｕ</t>
  </si>
  <si>
    <t>富山市大町１－１</t>
  </si>
  <si>
    <t>0627</t>
  </si>
  <si>
    <t>福一ビル１０２号室</t>
    <rPh sb="0" eb="2">
      <t>フクイチ</t>
    </rPh>
    <rPh sb="7" eb="9">
      <t>ゴウシツ</t>
    </rPh>
    <phoneticPr fontId="2"/>
  </si>
  <si>
    <t>富山市呉羽町３９１８－２５０</t>
  </si>
  <si>
    <t>富山市婦中町増田８１－２４</t>
  </si>
  <si>
    <t>阪南理美容　株式会社　　</t>
  </si>
  <si>
    <t>高岡市立野美鳥町一丁目98-1</t>
    <rPh sb="0" eb="3">
      <t>タカオカシ</t>
    </rPh>
    <rPh sb="3" eb="5">
      <t>タテノ</t>
    </rPh>
    <rPh sb="5" eb="6">
      <t>ウツク</t>
    </rPh>
    <rPh sb="6" eb="7">
      <t>トリ</t>
    </rPh>
    <rPh sb="7" eb="8">
      <t>マチ</t>
    </rPh>
    <rPh sb="8" eb="11">
      <t>イッチョウメ</t>
    </rPh>
    <phoneticPr fontId="2"/>
  </si>
  <si>
    <t>フローリッシュ　カーム</t>
  </si>
  <si>
    <t>0630</t>
  </si>
  <si>
    <t>Ｓｐｒｉｎｇ</t>
  </si>
  <si>
    <t>中島ビル１０２</t>
  </si>
  <si>
    <t>富山市北新町１－１－１０</t>
  </si>
  <si>
    <t>0635</t>
  </si>
  <si>
    <t>富山市呉羽町７０１７－１</t>
  </si>
  <si>
    <t>0636</t>
  </si>
  <si>
    <t>富山市布瀬町一丁目４－５９</t>
    <rPh sb="0" eb="3">
      <t>トヤマシ</t>
    </rPh>
    <rPh sb="3" eb="6">
      <t>ヌノセマチ</t>
    </rPh>
    <rPh sb="6" eb="9">
      <t>イッチョウメ</t>
    </rPh>
    <phoneticPr fontId="2"/>
  </si>
  <si>
    <t>美容室ジーニーズ・フォーシーズン</t>
  </si>
  <si>
    <t>SAABビルⅡ</t>
  </si>
  <si>
    <t>ｈａｉｒ　ｃｒａｆｔ　ＬａＢ</t>
  </si>
  <si>
    <t>きくら美容室　富山南店</t>
  </si>
  <si>
    <t>富山市二口町４－５－６</t>
  </si>
  <si>
    <t>株式会社　きくら美粧室</t>
  </si>
  <si>
    <t>ｋｅｓｈｉｋｉ</t>
  </si>
  <si>
    <t>ＲＯ－ＬＥＸ　Ⅴ　２０２</t>
  </si>
  <si>
    <t>富山市西塩野２９０－１</t>
  </si>
  <si>
    <t>ＡＫビル１Ｆ</t>
  </si>
  <si>
    <t>埼玉県草加市氷川町２１５２番地１</t>
    <rPh sb="0" eb="3">
      <t>サイタマケン</t>
    </rPh>
    <rPh sb="3" eb="6">
      <t>ソウカシ</t>
    </rPh>
    <rPh sb="6" eb="8">
      <t>ヒカワ</t>
    </rPh>
    <rPh sb="8" eb="9">
      <t>マチ</t>
    </rPh>
    <rPh sb="13" eb="15">
      <t>バンチ</t>
    </rPh>
    <phoneticPr fontId="2"/>
  </si>
  <si>
    <t>0644</t>
  </si>
  <si>
    <t>サロン　ド　ロウジー</t>
  </si>
  <si>
    <t>0647</t>
  </si>
  <si>
    <t>0649</t>
  </si>
  <si>
    <t>Ｃａｌｍ　ｈａｉｒ</t>
  </si>
  <si>
    <t>富山市婦中町上轡田８０－２１</t>
  </si>
  <si>
    <t>0850</t>
  </si>
  <si>
    <t>0651</t>
  </si>
  <si>
    <t>ＢＲＵＳＨ　ＨＡＩＲ　ＳＰＡＣＥ</t>
  </si>
  <si>
    <t>松田テナント</t>
  </si>
  <si>
    <t>富山市新桜町６－２４</t>
  </si>
  <si>
    <t>ＣＯＩ富山新桜町ビル６Ｆ</t>
  </si>
  <si>
    <t>ショッピングセンターアピア内</t>
  </si>
  <si>
    <t>0655</t>
  </si>
  <si>
    <t>Ｒｉｃｈｅｒヘアケア＆ヘッドスパ</t>
  </si>
  <si>
    <t>0658</t>
  </si>
  <si>
    <t>ＶＩＳＯＡ</t>
  </si>
  <si>
    <t>レオパルドラッシュ</t>
  </si>
  <si>
    <t>富山市黒瀬北町１－９－１</t>
  </si>
  <si>
    <t>富山市大泉本町２－３－１</t>
  </si>
  <si>
    <t>0657</t>
  </si>
  <si>
    <t>富山市太田口通り三丁目１－１３</t>
    <rPh sb="0" eb="3">
      <t>トヤマシ</t>
    </rPh>
    <rPh sb="3" eb="6">
      <t>オオタグチ</t>
    </rPh>
    <rPh sb="6" eb="7">
      <t>トオ</t>
    </rPh>
    <rPh sb="8" eb="11">
      <t>サンチョウメ</t>
    </rPh>
    <phoneticPr fontId="2"/>
  </si>
  <si>
    <t>カットコムズ　本郷店</t>
  </si>
  <si>
    <t>富山市本郷町５５－１</t>
  </si>
  <si>
    <t>0659</t>
  </si>
  <si>
    <t>株式会社　Ｕｎ</t>
  </si>
  <si>
    <t>Ｍｕｌｅ　ＨＡＩＲ</t>
  </si>
  <si>
    <t>有限会社　ビューバス</t>
  </si>
  <si>
    <t>0663</t>
  </si>
  <si>
    <t>株式会社　　ハイブリッド</t>
  </si>
  <si>
    <t>富山市下新町３２－２６</t>
  </si>
  <si>
    <t>学校法人　富山県理容美容学校</t>
  </si>
  <si>
    <t>メアリスト</t>
  </si>
  <si>
    <t>富山市婦中町砂子田６７</t>
  </si>
  <si>
    <t>富山県富山市婦中町砂子田６７</t>
  </si>
  <si>
    <t>0666</t>
  </si>
  <si>
    <t>0794</t>
  </si>
  <si>
    <t>美容室キッズ</t>
  </si>
  <si>
    <t>富山市中野新町２－３－８</t>
  </si>
  <si>
    <t>富山市婦中町田島８９６－４</t>
  </si>
  <si>
    <t>0669</t>
  </si>
  <si>
    <t>ヘアスタジオ　まおとしょう</t>
  </si>
  <si>
    <t>ファイブベル１Ｆ</t>
  </si>
  <si>
    <t>Ｈａｉｒ　ｄｅｓｉｇｎ　ＬｉＢ</t>
  </si>
  <si>
    <t>アイラッシュサロンＤＩＶＡ秋吉店</t>
    <rPh sb="13" eb="15">
      <t>アキヨシ</t>
    </rPh>
    <rPh sb="15" eb="16">
      <t>テン</t>
    </rPh>
    <phoneticPr fontId="2"/>
  </si>
  <si>
    <t>富山市町村５</t>
  </si>
  <si>
    <t>0675</t>
  </si>
  <si>
    <t>ｈａｉｒ　ｒｏｏｍ　Ｃｏｔｔａｎ</t>
  </si>
  <si>
    <t>富山市高木南６０－７０</t>
  </si>
  <si>
    <t>株式会社フロール・ライフクリエート</t>
  </si>
  <si>
    <t>富山市婦中町東谷１８４－１</t>
  </si>
  <si>
    <t>富山市婦中町速星６４９－１</t>
  </si>
  <si>
    <t>Ｓａｌｏｎ　ｄｅ　Ｍａｔｉｅｒ（サロン　ド　マティエ）</t>
  </si>
  <si>
    <t>富山市磯部町２－４－１３</t>
  </si>
  <si>
    <t>0679</t>
  </si>
  <si>
    <t>Ｈａｉｒ　Ｓａｌｏｎｅ　Ｒｉｇｏｌｅｔｔｏ</t>
  </si>
  <si>
    <t>富山市婦中町添島字大久保８１０－９</t>
  </si>
  <si>
    <t>ＡＬＥＸＡＮＤＬＥ　ＯＦ　ＣＯＬＯＲＳ　ＴＯＹＡＭＡ</t>
  </si>
  <si>
    <t>0682</t>
  </si>
  <si>
    <t>Ｌｅｇｉｔ</t>
  </si>
  <si>
    <t>アン＆ホリー　スタイル</t>
  </si>
  <si>
    <t>0684</t>
  </si>
  <si>
    <t>富山市総曲輪３－１－１１</t>
  </si>
  <si>
    <t>千弥々來　美髪店</t>
  </si>
  <si>
    <t>富山市堀川本郷６０－１０７</t>
  </si>
  <si>
    <t>0686</t>
  </si>
  <si>
    <t>ｕｓａｂｉ</t>
  </si>
  <si>
    <t>パークサイド宝１０１</t>
  </si>
  <si>
    <t>ヴェールフォンセ２Ｆ</t>
  </si>
  <si>
    <t>ＤＵＣＣＡ</t>
  </si>
  <si>
    <t>根塚ビル１Ｆ－Ａ</t>
  </si>
  <si>
    <t>0689</t>
  </si>
  <si>
    <t>富山市下堀６９－１</t>
  </si>
  <si>
    <t>0690</t>
  </si>
  <si>
    <t>Ｐｅｔｉｔ　ｃｈｏｕ　ｃｈｏｕ</t>
  </si>
  <si>
    <t>ぐりーん・あんＪ</t>
  </si>
  <si>
    <t>富山市荒川６２－１１２</t>
  </si>
  <si>
    <t>ｈａｉｒ　ｒｏｏｍ　Ｒｅｔｏｓ</t>
  </si>
  <si>
    <t>富山市呉羽町４８９７</t>
  </si>
  <si>
    <t>富山市太郎丸８３－５</t>
  </si>
  <si>
    <t>ラヴィーヘアスペース</t>
  </si>
  <si>
    <t>富山市天正寺１２６４－４</t>
  </si>
  <si>
    <t>ｍａｒｏｏｍ　ｈａｉｒ</t>
  </si>
  <si>
    <t>ＵＮＰＥＧ　ＨＡＩＲ　ＲＯＯＭ</t>
  </si>
  <si>
    <t>ＳＡｌｉ’ａ</t>
  </si>
  <si>
    <t>富山市婦中町高日附８７４－２２</t>
  </si>
  <si>
    <t>0701</t>
  </si>
  <si>
    <t>第３ＰＬＡＣＥ</t>
  </si>
  <si>
    <t>0703</t>
  </si>
  <si>
    <t>富山市黒瀬２４０－３５</t>
  </si>
  <si>
    <t>0704</t>
  </si>
  <si>
    <t>ｋｉｌｔｏ合同会社</t>
  </si>
  <si>
    <t>ｃｏｌｉｔｏｏｌ　ＶｅＬｅ</t>
  </si>
  <si>
    <t>富山市天正寺１２６４－３</t>
  </si>
  <si>
    <t>0708</t>
  </si>
  <si>
    <t>ａｎ．．．℃</t>
  </si>
  <si>
    <t>Ｔａｂｌｉｅｒ</t>
  </si>
  <si>
    <t>Ｍｉａ（ミーア）</t>
  </si>
  <si>
    <t>Ｃｚ</t>
  </si>
  <si>
    <t>中教院モルティ１Ｆ</t>
  </si>
  <si>
    <t>0712</t>
  </si>
  <si>
    <t>Ｈａｉｒ　ｓｔｙｌｅｓ　ｍａｋｅ　ｕｐ　ＣＯＥＵＲ</t>
  </si>
  <si>
    <t>富山市山室１３０－１１</t>
  </si>
  <si>
    <t>Ｅ’ｔｅｎｄｕｅ</t>
  </si>
  <si>
    <t>富山市掛尾町４７８</t>
  </si>
  <si>
    <t>株式会社フォトグループ</t>
    <rPh sb="0" eb="4">
      <t>カブシキガイシャ</t>
    </rPh>
    <phoneticPr fontId="2"/>
  </si>
  <si>
    <t>ｓｏｒｅｌｌｅ</t>
  </si>
  <si>
    <t>ｈａｉｒ　ｌａｂｏ　ｔｅ　ｔｏ　ｔｅ　＋（Ｐｌｕｓ）</t>
  </si>
  <si>
    <t>株式会社　コレクティブ</t>
    <rPh sb="0" eb="4">
      <t>カブシキガイシャ</t>
    </rPh>
    <phoneticPr fontId="2"/>
  </si>
  <si>
    <t>ＰＲＯＤＩＧＥ（プロディージュ）</t>
  </si>
  <si>
    <t>富山市天正寺１２６４－５</t>
  </si>
  <si>
    <t>0723</t>
  </si>
  <si>
    <t>富山市五福４５１０－２</t>
  </si>
  <si>
    <t>ｅｙｅ　Ｃｈｅｒｉｅ（シェリー）</t>
  </si>
  <si>
    <t>ビレッジ速星2棟</t>
    <rPh sb="4" eb="6">
      <t>ハヤホシ</t>
    </rPh>
    <rPh sb="7" eb="8">
      <t>トウ</t>
    </rPh>
    <phoneticPr fontId="2"/>
  </si>
  <si>
    <t>0725</t>
  </si>
  <si>
    <t>富山市秋ケ島５５８</t>
  </si>
  <si>
    <t>神奈川県横浜市中区山下町８７－４</t>
  </si>
  <si>
    <t>0726</t>
  </si>
  <si>
    <t>富山市婦中町千里１０１６－１</t>
    <rPh sb="0" eb="3">
      <t>トヤマシ</t>
    </rPh>
    <rPh sb="3" eb="6">
      <t>フチュウマチ</t>
    </rPh>
    <rPh sb="6" eb="8">
      <t>チサト</t>
    </rPh>
    <phoneticPr fontId="2"/>
  </si>
  <si>
    <t>富山市砂町１－１２</t>
  </si>
  <si>
    <t>0728</t>
  </si>
  <si>
    <t>0729</t>
  </si>
  <si>
    <t>ヘアーステージ　おかだ</t>
  </si>
  <si>
    <t>Ｃｈｏｕｅｔｔｅ（シュエット）</t>
  </si>
  <si>
    <t>富山市上大久保１６２０－１５</t>
  </si>
  <si>
    <t>0730</t>
  </si>
  <si>
    <t>富山市奥田町２０－２５</t>
    <rPh sb="0" eb="3">
      <t>トヤマシ</t>
    </rPh>
    <rPh sb="3" eb="5">
      <t>オクダ</t>
    </rPh>
    <rPh sb="5" eb="6">
      <t>マチ</t>
    </rPh>
    <phoneticPr fontId="2"/>
  </si>
  <si>
    <t>ＳＰＯＴ</t>
  </si>
  <si>
    <t>patina veil chou chou（パティナ　ベール　シュシュ）</t>
  </si>
  <si>
    <t>0733</t>
  </si>
  <si>
    <t>アンサンブルビル１Ｆ</t>
  </si>
  <si>
    <t>富山市黒瀬４９０－１</t>
  </si>
  <si>
    <t>ＪｉＬＬ（ジル）</t>
  </si>
  <si>
    <t>富山市五番町６－５</t>
  </si>
  <si>
    <t>0768</t>
  </si>
  <si>
    <t>0760</t>
  </si>
  <si>
    <t>富山市片掛２０１５</t>
  </si>
  <si>
    <t>0761</t>
  </si>
  <si>
    <t>0762</t>
  </si>
  <si>
    <t>Ｐｉｅｃｅ（ピエス）</t>
  </si>
  <si>
    <t>富山市八尾町西神通９２３</t>
  </si>
  <si>
    <t>富山市黒瀬北町１－１１－３</t>
  </si>
  <si>
    <t>富山市大町23-2</t>
    <rPh sb="0" eb="3">
      <t>トヤマシ</t>
    </rPh>
    <rPh sb="3" eb="5">
      <t>オオマチ</t>
    </rPh>
    <phoneticPr fontId="2"/>
  </si>
  <si>
    <t>ｈａｉｒ　ｓａｌｏｎ　ｎｏｎ（ヘアーサロン　ノン）</t>
  </si>
  <si>
    <t>富山市山室１３８－１</t>
    <rPh sb="0" eb="3">
      <t>トヤマシ</t>
    </rPh>
    <rPh sb="3" eb="5">
      <t>ヤマムロ</t>
    </rPh>
    <phoneticPr fontId="2"/>
  </si>
  <si>
    <t>0822</t>
  </si>
  <si>
    <t>ｃａｃｉｃｏｒｉ（カシコリ）</t>
  </si>
  <si>
    <t>ｈａｉｒ　ｒｏｏｍ　空のいろ</t>
  </si>
  <si>
    <t>富山市緑町１－１－５</t>
  </si>
  <si>
    <t>Ｌａｒｕｇｏ　ｈａｉｒ　Ｙ’Ｓ（ワイズ）</t>
  </si>
  <si>
    <t>富山市秋吉１５２－１４</t>
  </si>
  <si>
    <t>富山市秋吉１６３－１</t>
  </si>
  <si>
    <t>ｋｉｋｉ（キキ）</t>
  </si>
  <si>
    <t>0775</t>
  </si>
  <si>
    <t>ｈｕｉｔ８（ユイット）</t>
  </si>
  <si>
    <t>ファースト秋吉Ⅲ　１３４号室</t>
  </si>
  <si>
    <t>0777</t>
  </si>
  <si>
    <t>富山県富山市二口町４－９－１０</t>
  </si>
  <si>
    <t>0779</t>
  </si>
  <si>
    <t>ＳＰＥＬＬ</t>
  </si>
  <si>
    <t>富山市花園町４－５８５</t>
  </si>
  <si>
    <t>グランコート２０３号室</t>
  </si>
  <si>
    <t>株式会社　　はまざき</t>
  </si>
  <si>
    <t>富山市婦中町島本郷１０－１０</t>
  </si>
  <si>
    <t>富山市呉羽町２９０５</t>
  </si>
  <si>
    <t>富山市田畑４２２－５</t>
  </si>
  <si>
    <t>富山市八尾町井田５８３－１</t>
  </si>
  <si>
    <t>0787</t>
  </si>
  <si>
    <t>Ｃｈａｒｍｅ</t>
  </si>
  <si>
    <t>ＰＵＲ（ピュール）</t>
  </si>
  <si>
    <t>0789</t>
  </si>
  <si>
    <t>富山市黒瀬２８５</t>
  </si>
  <si>
    <t>Ｂｏｄｙ　ｃａｒｅ　ｖｉｖｉ</t>
  </si>
  <si>
    <t>富山市豊田本町１－１－１７</t>
  </si>
  <si>
    <t>株式会社　ＣＳ</t>
    <rPh sb="0" eb="2">
      <t>カブシキ</t>
    </rPh>
    <rPh sb="2" eb="4">
      <t>カイシャ</t>
    </rPh>
    <phoneticPr fontId="2"/>
  </si>
  <si>
    <t>ｋｏｍｏｒｅｂｉ　ｈａｉｒ</t>
  </si>
  <si>
    <t>株式会社　highest point</t>
    <rPh sb="0" eb="4">
      <t>カブシキガイシャ</t>
    </rPh>
    <phoneticPr fontId="2"/>
  </si>
  <si>
    <t>富山市大島２－４６６－５</t>
  </si>
  <si>
    <t>ロルドコミュニケーションズ　株式会社　</t>
  </si>
  <si>
    <t>広田ビル１Ｆ</t>
  </si>
  <si>
    <t>0795</t>
  </si>
  <si>
    <t>富山市二口町３－３－２０</t>
  </si>
  <si>
    <t>0796</t>
  </si>
  <si>
    <t>ｈａｉｒ　ｓａｌｏｎ　ｍｏｋｏｊｉ</t>
  </si>
  <si>
    <t>富山市小中２２７－１</t>
  </si>
  <si>
    <t>富山市太田口通り１－１－８</t>
  </si>
  <si>
    <t>富山市婦中町塚原６９－２</t>
  </si>
  <si>
    <t>富山市二口町１－８－５　２Ｆ</t>
  </si>
  <si>
    <t>富山市太田口通り一丁目４－１０</t>
    <rPh sb="0" eb="3">
      <t>トヤマシ</t>
    </rPh>
    <rPh sb="3" eb="6">
      <t>オオタグチ</t>
    </rPh>
    <rPh sb="6" eb="7">
      <t>トオ</t>
    </rPh>
    <rPh sb="8" eb="11">
      <t>イッチョウメ</t>
    </rPh>
    <phoneticPr fontId="2"/>
  </si>
  <si>
    <t>富山市清水町三丁目６－２</t>
    <rPh sb="0" eb="3">
      <t>トヤマシ</t>
    </rPh>
    <rPh sb="3" eb="6">
      <t>シミズマチ</t>
    </rPh>
    <rPh sb="6" eb="9">
      <t>サンチョウメ</t>
    </rPh>
    <phoneticPr fontId="2"/>
  </si>
  <si>
    <t>富山市大泉中町７－１　１Ｆ</t>
    <rPh sb="0" eb="3">
      <t>トヤマシ</t>
    </rPh>
    <rPh sb="3" eb="5">
      <t>オオイズミ</t>
    </rPh>
    <rPh sb="5" eb="7">
      <t>ナカマチ</t>
    </rPh>
    <phoneticPr fontId="2"/>
  </si>
  <si>
    <t>富山市磯部町３－３－１</t>
  </si>
  <si>
    <t>Ｉ　ｂｅａｕｔｙ</t>
  </si>
  <si>
    <t>富山市新庄町１－３４－１２</t>
  </si>
  <si>
    <t>Ｐｕｃｃｉ　Ｐｕｃｃｉ</t>
  </si>
  <si>
    <t>富山市小泉町１９５</t>
  </si>
  <si>
    <t>Ｈａｉｒ＆Ｂｅａｕｔｙ　Ｔｉｐｓ　</t>
  </si>
  <si>
    <t>富山市布瀬町２－３－１２</t>
  </si>
  <si>
    <t>有限会社　ふれあいのひろば</t>
  </si>
  <si>
    <t>富山市大町65-8</t>
    <rPh sb="0" eb="3">
      <t>トヤマシ</t>
    </rPh>
    <rPh sb="3" eb="5">
      <t>オオマチ</t>
    </rPh>
    <phoneticPr fontId="2"/>
  </si>
  <si>
    <t>ｏｌａｂｏ</t>
  </si>
  <si>
    <t>渡瀬ビル１Ｆ</t>
  </si>
  <si>
    <t>FAVS</t>
  </si>
  <si>
    <t>0815</t>
  </si>
  <si>
    <t>富山市北代５２６７－１</t>
  </si>
  <si>
    <t>ＡＵＢＥ　ＨＡＩＲ　ｆｉｌｌ</t>
  </si>
  <si>
    <t>富山市婦中町速星８９－１</t>
  </si>
  <si>
    <t>Ａ・ウォッシュ婦中ベース１ＦＡ２号室</t>
  </si>
  <si>
    <t>東京都港区南青山２－２７－７　Ｋビル地下１Ｆ</t>
  </si>
  <si>
    <t>ＢＲＩＤＧＥ　ｈａｉｒ　ｗｏｒｋｓ</t>
  </si>
  <si>
    <t>0809</t>
  </si>
  <si>
    <t>アリスショッピングセンター内１Ｆ</t>
  </si>
  <si>
    <t>やま基ビル5Ｆ</t>
    <rPh sb="2" eb="3">
      <t>モト</t>
    </rPh>
    <phoneticPr fontId="2"/>
  </si>
  <si>
    <t>ＨＡＩＲ　ｃｏｐａｉｎ</t>
  </si>
  <si>
    <t>富山市新庄北町２７－６</t>
  </si>
  <si>
    <t>フォレストコート１０１</t>
  </si>
  <si>
    <t>Ｊｅｗｅｌ</t>
  </si>
  <si>
    <t>富山市羽根２３８－１４</t>
  </si>
  <si>
    <t>ＡＫカナムラビル２Ｆ</t>
  </si>
  <si>
    <t>0818</t>
  </si>
  <si>
    <t>富山市婦中町広田４５４０－３</t>
  </si>
  <si>
    <t>0819</t>
  </si>
  <si>
    <t>フローレンス</t>
  </si>
  <si>
    <t>弱酸性美容室　ｌａｔｅｒａｌ</t>
  </si>
  <si>
    <t>0823</t>
  </si>
  <si>
    <t>富山市新庄町３７－５</t>
  </si>
  <si>
    <t>新庄町テナント００１</t>
  </si>
  <si>
    <t>富山市水橋堅田４８－２</t>
  </si>
  <si>
    <t>0827</t>
  </si>
  <si>
    <t>富山県富山市上本町７－６</t>
  </si>
  <si>
    <t>ＭＵＳＨＲＯＯＭ（マッシュルーム）</t>
  </si>
  <si>
    <t>0828</t>
  </si>
  <si>
    <t>美容プラージュ　富山店</t>
  </si>
  <si>
    <t>富山市上袋６０５－２</t>
  </si>
  <si>
    <t>それいゆｉ２Ｆ</t>
  </si>
  <si>
    <t>0829</t>
  </si>
  <si>
    <t>0824</t>
  </si>
  <si>
    <t>富山市黒瀬北町一丁目１０－８</t>
    <rPh sb="0" eb="3">
      <t>トヤマシ</t>
    </rPh>
    <rPh sb="3" eb="7">
      <t>クロセキタマチ</t>
    </rPh>
    <rPh sb="7" eb="10">
      <t>イッチョウメ</t>
    </rPh>
    <phoneticPr fontId="2"/>
  </si>
  <si>
    <t>0830</t>
  </si>
  <si>
    <t>Ｌａｇ　Ｆａｔ</t>
  </si>
  <si>
    <t>富山市五福１３６４－１</t>
  </si>
  <si>
    <t>ｏｌｍｏ</t>
  </si>
  <si>
    <t>富山市高屋敷６８７－１２</t>
  </si>
  <si>
    <t>サン・ステージ高屋敷２０２</t>
  </si>
  <si>
    <t>フローリッシュ　ワックス</t>
  </si>
  <si>
    <t>富山市向新庄町２－１４－４３－１</t>
  </si>
  <si>
    <t>0834</t>
  </si>
  <si>
    <t>ファボーレ２Ｆ</t>
  </si>
  <si>
    <t>浅井ビルB-1</t>
    <rPh sb="0" eb="2">
      <t>アサイ</t>
    </rPh>
    <phoneticPr fontId="2"/>
  </si>
  <si>
    <t>フロンティアビル１Ｆ</t>
  </si>
  <si>
    <t>長野県長野市東和田８４２　ＣＯＲＥ　ＯＦＦＩＣＥ３０１号室</t>
  </si>
  <si>
    <t>0837</t>
  </si>
  <si>
    <t>Ｑｕｉｃｋ　ｃｕｔ　ＢＢ　ファボーレ富山店</t>
  </si>
  <si>
    <t>福岡県飯塚市大日寺６３８</t>
  </si>
  <si>
    <t>0836</t>
  </si>
  <si>
    <t>富山市町袋４９３－５</t>
  </si>
  <si>
    <t>富山市笹津４１３－２</t>
  </si>
  <si>
    <t>神奈川県横浜市青葉区新石川三丁目１５番地１１</t>
    <rPh sb="10" eb="13">
      <t>シンイシカワ</t>
    </rPh>
    <rPh sb="13" eb="16">
      <t>サンチョウメ</t>
    </rPh>
    <rPh sb="18" eb="20">
      <t>バンチ</t>
    </rPh>
    <phoneticPr fontId="2"/>
  </si>
  <si>
    <t>ｄｕｆｔ．</t>
  </si>
  <si>
    <t>富山市黒瀬北町２－１５－１５</t>
  </si>
  <si>
    <t>0843</t>
  </si>
  <si>
    <t>富山市久方町１０－３１</t>
  </si>
  <si>
    <t>ｅｎｕ</t>
  </si>
  <si>
    <t>富山市二口町四丁目９－４</t>
    <rPh sb="0" eb="3">
      <t>トヤマシ</t>
    </rPh>
    <rPh sb="5" eb="6">
      <t>マチ</t>
    </rPh>
    <rPh sb="6" eb="9">
      <t>ヨンチョウメ</t>
    </rPh>
    <phoneticPr fontId="2"/>
  </si>
  <si>
    <t>0848</t>
  </si>
  <si>
    <t>ヴィクトリー経堂Ｃ－１－Ｔ</t>
  </si>
  <si>
    <t>0851</t>
  </si>
  <si>
    <t>0852</t>
  </si>
  <si>
    <t>マックスバリュ上飯野店</t>
    <rPh sb="7" eb="10">
      <t>カミイイノ</t>
    </rPh>
    <rPh sb="10" eb="11">
      <t>テン</t>
    </rPh>
    <phoneticPr fontId="2"/>
  </si>
  <si>
    <t>ヘアーコレクト　ニコ</t>
  </si>
  <si>
    <t>ＢＯＲＤＯ</t>
  </si>
  <si>
    <t>富山市二口町四丁目２－３</t>
    <rPh sb="0" eb="3">
      <t>トヤマシ</t>
    </rPh>
    <rPh sb="3" eb="6">
      <t>フタクチマチ</t>
    </rPh>
    <rPh sb="6" eb="9">
      <t>ヨンチョウメ</t>
    </rPh>
    <phoneticPr fontId="2"/>
  </si>
  <si>
    <t>0857</t>
  </si>
  <si>
    <t>ｎａｐ</t>
  </si>
  <si>
    <t>富山市婦中町速星1026-1　</t>
    <rPh sb="0" eb="3">
      <t>トヤマシ</t>
    </rPh>
    <rPh sb="3" eb="6">
      <t>フチュウマチ</t>
    </rPh>
    <rPh sb="6" eb="8">
      <t>ハヤホシ</t>
    </rPh>
    <phoneticPr fontId="2"/>
  </si>
  <si>
    <t>富山市田中町5-4-46</t>
    <rPh sb="0" eb="3">
      <t>トヤマシ</t>
    </rPh>
    <rPh sb="3" eb="5">
      <t>タナカ</t>
    </rPh>
    <rPh sb="5" eb="6">
      <t>マチ</t>
    </rPh>
    <phoneticPr fontId="2"/>
  </si>
  <si>
    <t>ｈｏｓｉｉｒｏ</t>
  </si>
  <si>
    <t>富山市松若町19-21</t>
    <rPh sb="0" eb="3">
      <t>トヤマシ</t>
    </rPh>
    <rPh sb="3" eb="6">
      <t>マツワカチョウ</t>
    </rPh>
    <phoneticPr fontId="2"/>
  </si>
  <si>
    <t>アンソレイユB　102号</t>
    <rPh sb="11" eb="12">
      <t>ゴウ</t>
    </rPh>
    <phoneticPr fontId="2"/>
  </si>
  <si>
    <t>美容室　ＣＯＲＥ</t>
    <rPh sb="0" eb="3">
      <t>ビヨウシツ</t>
    </rPh>
    <phoneticPr fontId="2"/>
  </si>
  <si>
    <t>富山市中川原78-5</t>
    <rPh sb="0" eb="3">
      <t>トヤマシ</t>
    </rPh>
    <rPh sb="3" eb="6">
      <t>ナカガワラ</t>
    </rPh>
    <phoneticPr fontId="2"/>
  </si>
  <si>
    <t>富山市石金二丁目5-15</t>
    <rPh sb="0" eb="3">
      <t>トヤマシ</t>
    </rPh>
    <rPh sb="3" eb="5">
      <t>イシガネ</t>
    </rPh>
    <rPh sb="5" eb="8">
      <t>ニチョウメ</t>
    </rPh>
    <phoneticPr fontId="2"/>
  </si>
  <si>
    <t>美容室　ひろ</t>
    <rPh sb="0" eb="3">
      <t>ビヨウシツ</t>
    </rPh>
    <phoneticPr fontId="2"/>
  </si>
  <si>
    <t>富山市布瀬町二丁目5-18</t>
    <rPh sb="0" eb="3">
      <t>トヤマシ</t>
    </rPh>
    <rPh sb="3" eb="5">
      <t>ヌノセ</t>
    </rPh>
    <rPh sb="5" eb="6">
      <t>マチ</t>
    </rPh>
    <rPh sb="6" eb="9">
      <t>ニチョウメ</t>
    </rPh>
    <phoneticPr fontId="2"/>
  </si>
  <si>
    <t>0864</t>
  </si>
  <si>
    <t>hair life ame.（ヘアライフアメ）</t>
  </si>
  <si>
    <t>株式会社カーラ</t>
    <rPh sb="0" eb="4">
      <t>カブシキガイシャ</t>
    </rPh>
    <phoneticPr fontId="2"/>
  </si>
  <si>
    <t>0867</t>
  </si>
  <si>
    <t>ｖｉ美ｂｉ</t>
    <rPh sb="2" eb="3">
      <t>ビ</t>
    </rPh>
    <phoneticPr fontId="2"/>
  </si>
  <si>
    <t>富山市向新庄町六丁目３－１７</t>
    <rPh sb="0" eb="3">
      <t>トヤマシ</t>
    </rPh>
    <rPh sb="3" eb="6">
      <t>ムカイシンジョウ</t>
    </rPh>
    <rPh sb="6" eb="7">
      <t>マチ</t>
    </rPh>
    <rPh sb="7" eb="10">
      <t>６チョウメ</t>
    </rPh>
    <phoneticPr fontId="2"/>
  </si>
  <si>
    <t>富山市大泉町二丁目４－１６</t>
    <rPh sb="0" eb="3">
      <t>トヤマシ</t>
    </rPh>
    <rPh sb="3" eb="5">
      <t>オオイズミ</t>
    </rPh>
    <rPh sb="6" eb="9">
      <t>ニチョウメ</t>
    </rPh>
    <phoneticPr fontId="2"/>
  </si>
  <si>
    <t>0869</t>
  </si>
  <si>
    <t>0870</t>
  </si>
  <si>
    <t>それいゆ１Ｆ</t>
  </si>
  <si>
    <t>富山市海岸通２－４８</t>
    <rPh sb="0" eb="3">
      <t>トヤマシ</t>
    </rPh>
    <phoneticPr fontId="2"/>
  </si>
  <si>
    <t>Ａｇｕ　ｈａｉｒ　ｌａｐａｎ（アグ　ヘアー　ラパン）</t>
  </si>
  <si>
    <t>富山県富山市中市１－４－５　川筋ビル１Ｆ</t>
    <rPh sb="6" eb="7">
      <t>ナカ</t>
    </rPh>
    <rPh sb="7" eb="8">
      <t>イチ</t>
    </rPh>
    <rPh sb="14" eb="16">
      <t>カワスジ</t>
    </rPh>
    <phoneticPr fontId="2"/>
  </si>
  <si>
    <t>富山市本郷町45-4</t>
    <rPh sb="0" eb="3">
      <t>トヤマシ</t>
    </rPh>
    <rPh sb="3" eb="6">
      <t>ホンゴウチョウ</t>
    </rPh>
    <phoneticPr fontId="2"/>
  </si>
  <si>
    <t>株式会社互感</t>
    <rPh sb="0" eb="4">
      <t>カブシキガイシャ</t>
    </rPh>
    <rPh sb="4" eb="5">
      <t>ゴ</t>
    </rPh>
    <rPh sb="5" eb="6">
      <t>カン</t>
    </rPh>
    <phoneticPr fontId="2"/>
  </si>
  <si>
    <t>Ｏｍｉｙａ</t>
  </si>
  <si>
    <t>富山市清水町八丁目２－３２</t>
    <rPh sb="0" eb="3">
      <t>トヤマシ</t>
    </rPh>
    <rPh sb="3" eb="5">
      <t>シミズ</t>
    </rPh>
    <rPh sb="5" eb="6">
      <t>マチ</t>
    </rPh>
    <rPh sb="6" eb="9">
      <t>ハッチョウメ</t>
    </rPh>
    <phoneticPr fontId="2"/>
  </si>
  <si>
    <t>富山市婦中町小倉８８－２</t>
    <rPh sb="0" eb="3">
      <t>トヤマシ</t>
    </rPh>
    <rPh sb="3" eb="6">
      <t>フチュウマチ</t>
    </rPh>
    <rPh sb="6" eb="8">
      <t>オグラ</t>
    </rPh>
    <phoneticPr fontId="2"/>
  </si>
  <si>
    <t>Ｖｅｒｔ　総曲輪店</t>
  </si>
  <si>
    <t>Ｈａｉｒ　ＢＡＬＡＮＣＥ（バランス）</t>
  </si>
  <si>
    <t>株式会社　　ＩＣＬ</t>
  </si>
  <si>
    <t>株式会社　　ル・アンジェ</t>
  </si>
  <si>
    <t>株式会社　アトリエ・いざわ　</t>
  </si>
  <si>
    <t>ＪＣコーポレーションビル１Ｆ</t>
  </si>
  <si>
    <t>桑島ビルＡ棟　１０３</t>
    <rPh sb="5" eb="6">
      <t>トウ</t>
    </rPh>
    <phoneticPr fontId="2"/>
  </si>
  <si>
    <t>セジョール布瀬１ＦテナントＡ</t>
    <rPh sb="5" eb="7">
      <t>ヌノセ</t>
    </rPh>
    <phoneticPr fontId="2"/>
  </si>
  <si>
    <t>富山市布瀬本町１２－１６</t>
    <rPh sb="0" eb="3">
      <t>トヤマシ</t>
    </rPh>
    <rPh sb="3" eb="5">
      <t>ヌノセ</t>
    </rPh>
    <phoneticPr fontId="2"/>
  </si>
  <si>
    <t>美容室しふぉん</t>
    <rPh sb="0" eb="3">
      <t>ビヨウシツ</t>
    </rPh>
    <phoneticPr fontId="2"/>
  </si>
  <si>
    <t>富山市総曲輪三丁目６－１５－１８－２</t>
    <rPh sb="0" eb="3">
      <t>トヤマシ</t>
    </rPh>
    <rPh sb="3" eb="6">
      <t>ソウガワ</t>
    </rPh>
    <rPh sb="6" eb="9">
      <t>サンチョウメ</t>
    </rPh>
    <phoneticPr fontId="2"/>
  </si>
  <si>
    <t>美容室Well</t>
    <rPh sb="0" eb="3">
      <t>ビヨウシツ</t>
    </rPh>
    <phoneticPr fontId="2"/>
  </si>
  <si>
    <t>有限会社　なごみ薬局</t>
    <rPh sb="0" eb="4">
      <t>ユウゲンガイシャ</t>
    </rPh>
    <rPh sb="8" eb="10">
      <t>ヤッキョク</t>
    </rPh>
    <phoneticPr fontId="2"/>
  </si>
  <si>
    <t>富山市中田一丁目２－３５</t>
    <rPh sb="0" eb="3">
      <t>トヤマシ</t>
    </rPh>
    <rPh sb="3" eb="5">
      <t>ナカダ</t>
    </rPh>
    <rPh sb="5" eb="8">
      <t>イッチョウメ</t>
    </rPh>
    <phoneticPr fontId="2"/>
  </si>
  <si>
    <t>富山市秋吉３４－１</t>
    <rPh sb="0" eb="3">
      <t>トヤマシ</t>
    </rPh>
    <rPh sb="3" eb="5">
      <t>アキヨシ</t>
    </rPh>
    <phoneticPr fontId="2"/>
  </si>
  <si>
    <t>富山市大泉本町一丁目１－１　１Ｆ</t>
    <rPh sb="0" eb="3">
      <t>トヤマシ</t>
    </rPh>
    <rPh sb="3" eb="5">
      <t>オオイズミ</t>
    </rPh>
    <rPh sb="5" eb="7">
      <t>ホンマチ</t>
    </rPh>
    <rPh sb="7" eb="10">
      <t>イッチョウメ</t>
    </rPh>
    <phoneticPr fontId="2"/>
  </si>
  <si>
    <t>富山市上大久保２１０５－１</t>
  </si>
  <si>
    <t>富山市経堂一丁目１５４</t>
    <rPh sb="5" eb="8">
      <t>イッチョウメ</t>
    </rPh>
    <phoneticPr fontId="2"/>
  </si>
  <si>
    <t>ＭＩＲＲＯＲ</t>
  </si>
  <si>
    <t>富山市大泉中町７－１　２F</t>
    <rPh sb="0" eb="3">
      <t>トヤマシ</t>
    </rPh>
    <rPh sb="5" eb="7">
      <t>ナカマチ</t>
    </rPh>
    <phoneticPr fontId="2"/>
  </si>
  <si>
    <t>ヘアーファッション　バウワウ</t>
  </si>
  <si>
    <t>富山市中島三丁目６－４２</t>
    <rPh sb="5" eb="8">
      <t>サンチョウメ</t>
    </rPh>
    <phoneticPr fontId="2"/>
  </si>
  <si>
    <t>富山市道正６２－６</t>
  </si>
  <si>
    <t>富山市新庄町３２－１</t>
    <rPh sb="0" eb="3">
      <t>トヤマシ</t>
    </rPh>
    <rPh sb="3" eb="6">
      <t>シンジョウマチ</t>
    </rPh>
    <phoneticPr fontId="2"/>
  </si>
  <si>
    <t>富山市今泉北部町１－１</t>
    <rPh sb="0" eb="3">
      <t>トヤマシ</t>
    </rPh>
    <rPh sb="3" eb="5">
      <t>イマイズミ</t>
    </rPh>
    <rPh sb="5" eb="7">
      <t>ホクブ</t>
    </rPh>
    <rPh sb="7" eb="8">
      <t>マチ</t>
    </rPh>
    <phoneticPr fontId="2"/>
  </si>
  <si>
    <t>ｈａｌｅ（ハレ）</t>
  </si>
  <si>
    <t>富山県富山市大町２６３－６</t>
    <rPh sb="0" eb="3">
      <t>トヤマケン</t>
    </rPh>
    <rPh sb="3" eb="6">
      <t>トヤマシ</t>
    </rPh>
    <rPh sb="6" eb="8">
      <t>オオマチ</t>
    </rPh>
    <phoneticPr fontId="2"/>
  </si>
  <si>
    <t>富山県富山市婦中町笹倉２００－１　落合橋ビル１階ーＡ</t>
    <rPh sb="6" eb="9">
      <t>フチュウマチ</t>
    </rPh>
    <rPh sb="9" eb="11">
      <t>ササクラ</t>
    </rPh>
    <rPh sb="17" eb="19">
      <t>オチアイ</t>
    </rPh>
    <rPh sb="19" eb="20">
      <t>バシ</t>
    </rPh>
    <rPh sb="23" eb="24">
      <t>カイ</t>
    </rPh>
    <phoneticPr fontId="2"/>
  </si>
  <si>
    <t>落合橋ビル１階－Ａ</t>
    <rPh sb="0" eb="2">
      <t>オチアイ</t>
    </rPh>
    <rPh sb="2" eb="3">
      <t>ハシ</t>
    </rPh>
    <rPh sb="6" eb="7">
      <t>カイ</t>
    </rPh>
    <phoneticPr fontId="2"/>
  </si>
  <si>
    <t>美容室　テン・ナイン</t>
    <rPh sb="0" eb="3">
      <t>ビヨウシツ</t>
    </rPh>
    <phoneticPr fontId="2"/>
  </si>
  <si>
    <t>富山市総曲輪三丁目３－１６</t>
    <rPh sb="0" eb="3">
      <t>トヤマシ</t>
    </rPh>
    <rPh sb="3" eb="6">
      <t>ソウガワ</t>
    </rPh>
    <rPh sb="6" eb="9">
      <t>サンチョウメ</t>
    </rPh>
    <phoneticPr fontId="2"/>
  </si>
  <si>
    <t>富山市布瀬町南３－４－４</t>
    <rPh sb="0" eb="3">
      <t>トヤマシ</t>
    </rPh>
    <rPh sb="3" eb="5">
      <t>ヌノセ</t>
    </rPh>
    <rPh sb="5" eb="6">
      <t>マチ</t>
    </rPh>
    <rPh sb="6" eb="7">
      <t>ミナミ</t>
    </rPh>
    <phoneticPr fontId="2"/>
  </si>
  <si>
    <t>富山市城村７４３－１</t>
    <rPh sb="0" eb="3">
      <t>トヤマシ</t>
    </rPh>
    <rPh sb="3" eb="5">
      <t>ジョウムラ</t>
    </rPh>
    <phoneticPr fontId="2"/>
  </si>
  <si>
    <t>富山市秋吉１６３－１６</t>
  </si>
  <si>
    <t>美容室　和み</t>
    <rPh sb="0" eb="3">
      <t>ビヨウシツ</t>
    </rPh>
    <rPh sb="4" eb="5">
      <t>ナゴ</t>
    </rPh>
    <phoneticPr fontId="2"/>
  </si>
  <si>
    <t>富山市五福１８７１－３</t>
    <rPh sb="0" eb="3">
      <t>トヤマシ</t>
    </rPh>
    <rPh sb="3" eb="5">
      <t>ゴフク</t>
    </rPh>
    <phoneticPr fontId="2"/>
  </si>
  <si>
    <t>セプト・クルール　１Ｆ</t>
  </si>
  <si>
    <t>富山市下轡田１６１－２</t>
    <rPh sb="0" eb="3">
      <t>トヤマシ</t>
    </rPh>
    <rPh sb="3" eb="6">
      <t>シモクツワダ</t>
    </rPh>
    <phoneticPr fontId="2"/>
  </si>
  <si>
    <t>ｍａａｎｏ　ｈａｉｒ　ｗｏｒｋｓ</t>
  </si>
  <si>
    <t>富山市下大久保１０４６－７</t>
    <rPh sb="0" eb="3">
      <t>トヤマシ</t>
    </rPh>
    <rPh sb="3" eb="7">
      <t>シモオオクボ</t>
    </rPh>
    <phoneticPr fontId="2"/>
  </si>
  <si>
    <t>サロン・ド・Ｓｅｌｅｎｅ（セレネ）</t>
  </si>
  <si>
    <t>ｒｕｃｏ</t>
  </si>
  <si>
    <t>富山市町村３５７</t>
    <rPh sb="0" eb="3">
      <t>トヤマシ</t>
    </rPh>
    <rPh sb="3" eb="5">
      <t>マチムラ</t>
    </rPh>
    <phoneticPr fontId="2"/>
  </si>
  <si>
    <t>Ａｇｕ　ｈａｉｒ　ｆｉｎｅ</t>
  </si>
  <si>
    <t>富山市吉作４７９５</t>
    <rPh sb="0" eb="3">
      <t>トヤマシ</t>
    </rPh>
    <rPh sb="3" eb="5">
      <t>ヨシヅクリ</t>
    </rPh>
    <phoneticPr fontId="2"/>
  </si>
  <si>
    <t>スプリーム堀川１０３</t>
    <rPh sb="5" eb="7">
      <t>ホリカワ</t>
    </rPh>
    <phoneticPr fontId="2"/>
  </si>
  <si>
    <t>富山市二口町五丁目６－６</t>
    <rPh sb="0" eb="3">
      <t>トヤマシ</t>
    </rPh>
    <rPh sb="3" eb="5">
      <t>フタクチ</t>
    </rPh>
    <rPh sb="5" eb="6">
      <t>マチ</t>
    </rPh>
    <rPh sb="6" eb="9">
      <t>ゴチョウメ</t>
    </rPh>
    <phoneticPr fontId="2"/>
  </si>
  <si>
    <t>ＭＮビル　１Ｆ</t>
  </si>
  <si>
    <t>コレスポンデンス</t>
  </si>
  <si>
    <t>ｎｅａｒ．ｈａｉｒ　ｒｏｏｍ（ニアー　ヘアールーム）</t>
  </si>
  <si>
    <t>富山市田刈屋３０４－１</t>
    <rPh sb="0" eb="3">
      <t>トヤマシ</t>
    </rPh>
    <rPh sb="3" eb="6">
      <t>タカリヤ</t>
    </rPh>
    <phoneticPr fontId="2"/>
  </si>
  <si>
    <t>富山市五福１０－１</t>
    <rPh sb="0" eb="3">
      <t>トヤマシ</t>
    </rPh>
    <rPh sb="3" eb="5">
      <t>ゴフク</t>
    </rPh>
    <phoneticPr fontId="2"/>
  </si>
  <si>
    <t>富山市願海寺３８４－１</t>
    <rPh sb="0" eb="3">
      <t>トヤマシ</t>
    </rPh>
    <rPh sb="3" eb="6">
      <t>ガンカイジ</t>
    </rPh>
    <phoneticPr fontId="2"/>
  </si>
  <si>
    <t>ｈａｉｒ　ｓａｌｏｎ　ｃｒｅｓｔａ</t>
  </si>
  <si>
    <t>富山市上本町８－２１</t>
    <rPh sb="0" eb="3">
      <t>トヤマシ</t>
    </rPh>
    <rPh sb="3" eb="6">
      <t>カミホンマチ</t>
    </rPh>
    <phoneticPr fontId="2"/>
  </si>
  <si>
    <t>アン　シュ　シュ</t>
  </si>
  <si>
    <t>富山市鹿島町二丁目１－１８</t>
    <rPh sb="0" eb="3">
      <t>トヤマシ</t>
    </rPh>
    <rPh sb="3" eb="6">
      <t>カシマチョウ</t>
    </rPh>
    <rPh sb="6" eb="9">
      <t>ニチョウメ</t>
    </rPh>
    <phoneticPr fontId="2"/>
  </si>
  <si>
    <t>ｎｏｍａｄ（ノマド）</t>
  </si>
  <si>
    <t>富山市呉羽町２５４－１１</t>
    <rPh sb="0" eb="3">
      <t>トヤマシ</t>
    </rPh>
    <rPh sb="3" eb="6">
      <t>クレハマチ</t>
    </rPh>
    <phoneticPr fontId="2"/>
  </si>
  <si>
    <t>ｋｏｋｏｍｉ</t>
  </si>
  <si>
    <t>富山市荒川五丁目１－１４</t>
    <rPh sb="0" eb="3">
      <t>トヤマシ</t>
    </rPh>
    <rPh sb="3" eb="5">
      <t>アラカワ</t>
    </rPh>
    <rPh sb="5" eb="8">
      <t>ゴチョウメ</t>
    </rPh>
    <phoneticPr fontId="2"/>
  </si>
  <si>
    <t>富山市上大久保３１１１</t>
    <rPh sb="0" eb="3">
      <t>トヤマシ</t>
    </rPh>
    <rPh sb="3" eb="7">
      <t>カミオオクボ</t>
    </rPh>
    <phoneticPr fontId="2"/>
  </si>
  <si>
    <t>Ｇｒａｎｄｅｕｒ（グランドール）</t>
  </si>
  <si>
    <t>Ｄ－ＢＯＸ常盤台Ⅱ　２０３号室</t>
    <rPh sb="5" eb="8">
      <t>トキワダイ</t>
    </rPh>
    <rPh sb="13" eb="14">
      <t>ゴウ</t>
    </rPh>
    <rPh sb="14" eb="15">
      <t>シツ</t>
    </rPh>
    <phoneticPr fontId="2"/>
  </si>
  <si>
    <t>ｅｙｅｌａｓｈ　ｓａｌｏｎ　Ｉｍ．</t>
  </si>
  <si>
    <t>高岡市横田町１－１－１１</t>
    <rPh sb="3" eb="5">
      <t>ヨコタ</t>
    </rPh>
    <rPh sb="5" eb="6">
      <t>マチ</t>
    </rPh>
    <phoneticPr fontId="2"/>
  </si>
  <si>
    <t>ｈａｉｒ　ｓａｌｏｎ　ｃｏｎｅｃｔ</t>
  </si>
  <si>
    <t>ｈａｉｒ＆ｓｐａ　ｇａｌｅｔｔｅ（ガレット）</t>
  </si>
  <si>
    <t>富山市旭町５－１１</t>
    <rPh sb="0" eb="3">
      <t>トヤマシ</t>
    </rPh>
    <phoneticPr fontId="2"/>
  </si>
  <si>
    <t>kalah private salon for me</t>
  </si>
  <si>
    <t>富山市黒瀬北町二丁目３－４</t>
    <rPh sb="0" eb="3">
      <t>トヤマシ</t>
    </rPh>
    <rPh sb="3" eb="7">
      <t>クロセキタマチ</t>
    </rPh>
    <rPh sb="7" eb="10">
      <t>ニチョウメ</t>
    </rPh>
    <phoneticPr fontId="2"/>
  </si>
  <si>
    <t>東京都台東区上野７－４－９</t>
    <rPh sb="0" eb="3">
      <t>トウキョウト</t>
    </rPh>
    <rPh sb="3" eb="6">
      <t>タイトウク</t>
    </rPh>
    <rPh sb="6" eb="8">
      <t>ウエノ</t>
    </rPh>
    <phoneticPr fontId="2"/>
  </si>
  <si>
    <t>ＴＯＡ黒瀬ビル　１Ｆ</t>
    <rPh sb="3" eb="5">
      <t>クロセ</t>
    </rPh>
    <phoneticPr fontId="2"/>
  </si>
  <si>
    <t>富山市太郎丸本町二丁目４－１９</t>
    <rPh sb="0" eb="3">
      <t>トヤマシ</t>
    </rPh>
    <rPh sb="3" eb="6">
      <t>タロウマル</t>
    </rPh>
    <rPh sb="6" eb="8">
      <t>ホンマチ</t>
    </rPh>
    <rPh sb="8" eb="11">
      <t>ニチョウメ</t>
    </rPh>
    <phoneticPr fontId="2"/>
  </si>
  <si>
    <t>富山市堀川小泉町一丁目１７－３</t>
    <rPh sb="0" eb="3">
      <t>トヤマシ</t>
    </rPh>
    <rPh sb="3" eb="5">
      <t>ホリカワ</t>
    </rPh>
    <rPh sb="5" eb="7">
      <t>コイズミ</t>
    </rPh>
    <rPh sb="7" eb="8">
      <t>マチ</t>
    </rPh>
    <rPh sb="8" eb="11">
      <t>イッチョウメ</t>
    </rPh>
    <phoneticPr fontId="2"/>
  </si>
  <si>
    <t>ＭＩＬＡＮＤＡ</t>
  </si>
  <si>
    <t>富山市太郎丸本町三丁目９－１６</t>
    <rPh sb="0" eb="3">
      <t>トヤマシ</t>
    </rPh>
    <rPh sb="3" eb="5">
      <t>タロウ</t>
    </rPh>
    <rPh sb="5" eb="6">
      <t>マル</t>
    </rPh>
    <rPh sb="6" eb="8">
      <t>ホンマチ</t>
    </rPh>
    <rPh sb="8" eb="11">
      <t>サンチョウメ</t>
    </rPh>
    <phoneticPr fontId="2"/>
  </si>
  <si>
    <t>ｌａｓｈｏｕｅｔｔｅ</t>
  </si>
  <si>
    <t>ファーストⅢ　２１３</t>
  </si>
  <si>
    <t>富山市花園町三丁目５－３１</t>
    <rPh sb="6" eb="9">
      <t>サンチョウメ</t>
    </rPh>
    <phoneticPr fontId="2"/>
  </si>
  <si>
    <t>デ．ジャン．エゴイスト</t>
  </si>
  <si>
    <t>富山市花園町３三丁目２ー１５</t>
    <rPh sb="7" eb="10">
      <t>サンチョウメ</t>
    </rPh>
    <phoneticPr fontId="2"/>
  </si>
  <si>
    <t>富山市大泉本町一丁目４－１４</t>
    <rPh sb="0" eb="3">
      <t>トヤマシ</t>
    </rPh>
    <rPh sb="3" eb="5">
      <t>オオイズミ</t>
    </rPh>
    <rPh sb="5" eb="7">
      <t>ホンマチ</t>
    </rPh>
    <rPh sb="7" eb="10">
      <t>イッチョウメ</t>
    </rPh>
    <phoneticPr fontId="2"/>
  </si>
  <si>
    <t>パレット大泉１－Ｎ</t>
    <rPh sb="4" eb="6">
      <t>オオイズミ</t>
    </rPh>
    <phoneticPr fontId="2"/>
  </si>
  <si>
    <t>富山市西公文名町５－３３</t>
    <rPh sb="0" eb="3">
      <t>トヤマシ</t>
    </rPh>
    <rPh sb="3" eb="8">
      <t>ニシクモンミョウマチ</t>
    </rPh>
    <phoneticPr fontId="2"/>
  </si>
  <si>
    <t>atre</t>
  </si>
  <si>
    <t>富山市神通本町一丁目３－１４</t>
    <rPh sb="0" eb="3">
      <t>トヤマシ</t>
    </rPh>
    <rPh sb="3" eb="5">
      <t>ジンヅウ</t>
    </rPh>
    <rPh sb="5" eb="7">
      <t>ホンマチ</t>
    </rPh>
    <rPh sb="7" eb="10">
      <t>イッチョウメ</t>
    </rPh>
    <phoneticPr fontId="2"/>
  </si>
  <si>
    <t>３Ｆ</t>
  </si>
  <si>
    <t>富山市太田２１２０</t>
    <rPh sb="0" eb="3">
      <t>トヤマシ</t>
    </rPh>
    <rPh sb="3" eb="5">
      <t>オオタ</t>
    </rPh>
    <phoneticPr fontId="2"/>
  </si>
  <si>
    <t>サンコーポ中駒１Ｆ　１０２</t>
    <rPh sb="5" eb="6">
      <t>ナカ</t>
    </rPh>
    <rPh sb="6" eb="7">
      <t>ゴマ</t>
    </rPh>
    <phoneticPr fontId="2"/>
  </si>
  <si>
    <t>富山市清水元町１－１８</t>
    <rPh sb="0" eb="3">
      <t>トヤマシ</t>
    </rPh>
    <rPh sb="3" eb="5">
      <t>シミズ</t>
    </rPh>
    <rPh sb="5" eb="7">
      <t>モトマチ</t>
    </rPh>
    <phoneticPr fontId="2"/>
  </si>
  <si>
    <t>富山市新庄町一丁目４－３４－１２</t>
    <rPh sb="6" eb="9">
      <t>イッチョウメ</t>
    </rPh>
    <phoneticPr fontId="2"/>
  </si>
  <si>
    <t>ネイルマツエクサロン　I　ｂｅａｕｔｙ</t>
  </si>
  <si>
    <t>（００２）</t>
  </si>
  <si>
    <t>Ｒｉｔｕｒｅ</t>
  </si>
  <si>
    <t>株式会社　Luminare</t>
    <rPh sb="0" eb="4">
      <t>カブシキガイシャ</t>
    </rPh>
    <phoneticPr fontId="2"/>
  </si>
  <si>
    <t>ｍｅ.</t>
  </si>
  <si>
    <t>富山市掛尾町２５－１</t>
    <rPh sb="0" eb="3">
      <t>トヤマシ</t>
    </rPh>
    <rPh sb="3" eb="6">
      <t>カケオマチ</t>
    </rPh>
    <phoneticPr fontId="2"/>
  </si>
  <si>
    <t>Ｍｉｎｅ（マイン）</t>
  </si>
  <si>
    <t>泰成ビル１０１</t>
    <rPh sb="0" eb="1">
      <t>タイ</t>
    </rPh>
    <rPh sb="1" eb="2">
      <t>セイ</t>
    </rPh>
    <phoneticPr fontId="2"/>
  </si>
  <si>
    <t>富山市南新町３－１２</t>
    <rPh sb="0" eb="3">
      <t>トヤマシ</t>
    </rPh>
    <rPh sb="3" eb="6">
      <t>ミナミシンマチ</t>
    </rPh>
    <phoneticPr fontId="2"/>
  </si>
  <si>
    <t>しろくまビル１Ｆ</t>
  </si>
  <si>
    <t>Ｃｏｍｍｅ　Ｃｈｅｖｅｕｘ（コムシュブー）</t>
  </si>
  <si>
    <t>富山市婦中町砂子田１４１－２</t>
    <rPh sb="0" eb="3">
      <t>トヤマシ</t>
    </rPh>
    <rPh sb="3" eb="6">
      <t>フチュウマチ</t>
    </rPh>
    <rPh sb="6" eb="9">
      <t>スナゴダ</t>
    </rPh>
    <phoneticPr fontId="2"/>
  </si>
  <si>
    <t>ｅｙｅｌａｓｈ　ｓａｌｏｎ　Ｍ</t>
  </si>
  <si>
    <t>富山市新桜町２－２６</t>
    <rPh sb="0" eb="3">
      <t>トヤマシ</t>
    </rPh>
    <rPh sb="3" eb="6">
      <t>シンサクラマチ</t>
    </rPh>
    <phoneticPr fontId="2"/>
  </si>
  <si>
    <t>あるぺん村新桜町ビル３Ｆ</t>
    <rPh sb="4" eb="5">
      <t>ムラ</t>
    </rPh>
    <rPh sb="5" eb="8">
      <t>シンサクラマチ</t>
    </rPh>
    <phoneticPr fontId="2"/>
  </si>
  <si>
    <t>富山市布瀬本町２－１　Ｍａｋｅｉｔ　２Ｆ</t>
    <rPh sb="0" eb="3">
      <t>トヤマシ</t>
    </rPh>
    <rPh sb="3" eb="7">
      <t>ヌノセホンマチ</t>
    </rPh>
    <phoneticPr fontId="2"/>
  </si>
  <si>
    <t>富山市高畠町一丁目２－１</t>
    <rPh sb="0" eb="3">
      <t>トヤマシ</t>
    </rPh>
    <rPh sb="3" eb="5">
      <t>タカバタケ</t>
    </rPh>
    <rPh sb="5" eb="6">
      <t>マチ</t>
    </rPh>
    <rPh sb="6" eb="9">
      <t>イッチョウメ</t>
    </rPh>
    <phoneticPr fontId="2"/>
  </si>
  <si>
    <t>ｍａｉｄ</t>
  </si>
  <si>
    <t>富山市清水町三丁目３－７</t>
    <rPh sb="0" eb="3">
      <t>トヤマシ</t>
    </rPh>
    <rPh sb="3" eb="5">
      <t>シミズ</t>
    </rPh>
    <rPh sb="5" eb="6">
      <t>マチ</t>
    </rPh>
    <rPh sb="6" eb="9">
      <t>サンチョウメ</t>
    </rPh>
    <phoneticPr fontId="2"/>
  </si>
  <si>
    <t>Ａｒｅｔｅ</t>
  </si>
  <si>
    <t>リーテ</t>
  </si>
  <si>
    <t>富山市文京町一丁目１－１１</t>
    <rPh sb="0" eb="3">
      <t>トヤマシ</t>
    </rPh>
    <rPh sb="3" eb="6">
      <t>ブンキョウマチ</t>
    </rPh>
    <rPh sb="6" eb="9">
      <t>イッチョウメ</t>
    </rPh>
    <phoneticPr fontId="2"/>
  </si>
  <si>
    <t>ｅｙｅ　ａｎｄ　ｅｓｔｈ　‵ａｍｏ</t>
  </si>
  <si>
    <t>ｋｏｐｉ　ｌｕｗａｋｋ</t>
  </si>
  <si>
    <t>塩谷奥田町ビル２Ｆ２０２号</t>
    <rPh sb="0" eb="2">
      <t>シオタニ</t>
    </rPh>
    <rPh sb="2" eb="4">
      <t>オクダ</t>
    </rPh>
    <rPh sb="4" eb="5">
      <t>マチ</t>
    </rPh>
    <rPh sb="12" eb="13">
      <t>ゴウ</t>
    </rPh>
    <phoneticPr fontId="2"/>
  </si>
  <si>
    <t>Ｒｅｔｏ</t>
  </si>
  <si>
    <t>富山市婦中町羽根６５－１</t>
    <rPh sb="0" eb="3">
      <t>トヤマシ</t>
    </rPh>
    <rPh sb="3" eb="6">
      <t>フチュウマチ</t>
    </rPh>
    <rPh sb="6" eb="8">
      <t>ハネ</t>
    </rPh>
    <phoneticPr fontId="2"/>
  </si>
  <si>
    <t>第３中川ビル１Ｆ　Ｄ区</t>
  </si>
  <si>
    <t>一星ビル１Ｆ</t>
    <rPh sb="0" eb="1">
      <t>イチ</t>
    </rPh>
    <rPh sb="1" eb="2">
      <t>ホシ</t>
    </rPh>
    <phoneticPr fontId="2"/>
  </si>
  <si>
    <t>Ｔｈｅ　ｓａｌｏｎ</t>
  </si>
  <si>
    <t>富山市新根塚町二丁目９－１６</t>
    <rPh sb="0" eb="3">
      <t>トヤマシ</t>
    </rPh>
    <rPh sb="3" eb="7">
      <t>シンネヅカマチ</t>
    </rPh>
    <rPh sb="7" eb="10">
      <t>ニチョウメ</t>
    </rPh>
    <phoneticPr fontId="2"/>
  </si>
  <si>
    <t>株式会社　Ａｉｍ　Ｈｉｇｈ</t>
    <rPh sb="0" eb="2">
      <t>カブシキ</t>
    </rPh>
    <rPh sb="2" eb="4">
      <t>カイシャ</t>
    </rPh>
    <phoneticPr fontId="2"/>
  </si>
  <si>
    <t>ヘアーサロン　ミルキーウエイ</t>
  </si>
  <si>
    <t>富山市草島173-7</t>
    <rPh sb="0" eb="3">
      <t>トヤマシ</t>
    </rPh>
    <phoneticPr fontId="2"/>
  </si>
  <si>
    <t>富山市秋吉１６３－１</t>
    <rPh sb="0" eb="3">
      <t>トヤマシ</t>
    </rPh>
    <rPh sb="3" eb="5">
      <t>アキヨシ</t>
    </rPh>
    <phoneticPr fontId="2"/>
  </si>
  <si>
    <t>富山市清水町二丁目４－１</t>
    <rPh sb="0" eb="3">
      <t>トヤマシ</t>
    </rPh>
    <rPh sb="3" eb="6">
      <t>シミズマチ</t>
    </rPh>
    <rPh sb="6" eb="9">
      <t>ニチョウメ</t>
    </rPh>
    <phoneticPr fontId="2"/>
  </si>
  <si>
    <t>ＰＯＷＤＥＲ　ｄｅｕｘ．</t>
  </si>
  <si>
    <t>富山市上大久保１</t>
    <rPh sb="0" eb="3">
      <t>トヤマシ</t>
    </rPh>
    <rPh sb="3" eb="7">
      <t>カミオオクボ</t>
    </rPh>
    <phoneticPr fontId="2"/>
  </si>
  <si>
    <t>富山市石金二丁目１－８</t>
    <rPh sb="5" eb="8">
      <t>ニチョウメ</t>
    </rPh>
    <phoneticPr fontId="2"/>
  </si>
  <si>
    <t>ＰＯＯＬ　ｅｙｅｌａｓｈ</t>
  </si>
  <si>
    <t>ｔｏｎａｒｉ</t>
  </si>
  <si>
    <t>ウィステリア</t>
  </si>
  <si>
    <t>ユー堀川ビル４－Ｂ</t>
    <rPh sb="2" eb="4">
      <t>ホリカワ</t>
    </rPh>
    <phoneticPr fontId="2"/>
  </si>
  <si>
    <t>ｃａｍｅｌ　ｅｙｅｒｏｏｍ</t>
  </si>
  <si>
    <t>富山市南田町一丁目２－１６</t>
    <rPh sb="0" eb="3">
      <t>トヤマシ</t>
    </rPh>
    <rPh sb="3" eb="6">
      <t>ミナミダチョウ</t>
    </rPh>
    <rPh sb="6" eb="9">
      <t>イッチョウメ</t>
    </rPh>
    <phoneticPr fontId="2"/>
  </si>
  <si>
    <t>サキュウ　ｃｏｌｏｒ　ｈａｉｒ　ｓａｌｏｎ</t>
  </si>
  <si>
    <t>富山市根塚町一丁目１－７</t>
    <rPh sb="0" eb="3">
      <t>トヤマシ</t>
    </rPh>
    <rPh sb="3" eb="6">
      <t>ネヅカマチ</t>
    </rPh>
    <rPh sb="6" eb="9">
      <t>イッチョウメ</t>
    </rPh>
    <phoneticPr fontId="2"/>
  </si>
  <si>
    <t>富山市二口町二丁目５－９</t>
    <rPh sb="0" eb="3">
      <t>トヤマシ</t>
    </rPh>
    <rPh sb="6" eb="9">
      <t>ニチョウメ</t>
    </rPh>
    <phoneticPr fontId="2"/>
  </si>
  <si>
    <t>富山市布瀬本町２番２－１</t>
    <rPh sb="0" eb="3">
      <t>トヤマシ</t>
    </rPh>
    <rPh sb="3" eb="7">
      <t>ヌノセホンマチ</t>
    </rPh>
    <rPh sb="8" eb="9">
      <t>バン</t>
    </rPh>
    <phoneticPr fontId="2"/>
  </si>
  <si>
    <t>ｗａｃｃａ</t>
  </si>
  <si>
    <t>富山市本郷町４４－１１</t>
    <rPh sb="0" eb="3">
      <t>トヤマシ</t>
    </rPh>
    <rPh sb="3" eb="5">
      <t>ホンゴウ</t>
    </rPh>
    <rPh sb="5" eb="6">
      <t>マチ</t>
    </rPh>
    <phoneticPr fontId="2"/>
  </si>
  <si>
    <t>株式会社　きくら美粧室</t>
    <rPh sb="0" eb="2">
      <t>カブシキ</t>
    </rPh>
    <rPh sb="2" eb="4">
      <t>カイシャ</t>
    </rPh>
    <phoneticPr fontId="2"/>
  </si>
  <si>
    <t>ＨＡＩＲ　ＭＡＫＥ　ｐｓｙｃｈｅ</t>
  </si>
  <si>
    <t>富山市安野屋町一丁目５－１２</t>
    <rPh sb="0" eb="3">
      <t>トヤマシ</t>
    </rPh>
    <rPh sb="3" eb="6">
      <t>ヤスノヤ</t>
    </rPh>
    <rPh sb="6" eb="7">
      <t>マチ</t>
    </rPh>
    <rPh sb="7" eb="10">
      <t>イッチョウメ</t>
    </rPh>
    <phoneticPr fontId="2"/>
  </si>
  <si>
    <t>モミ美容室</t>
  </si>
  <si>
    <t>ｅｙｅｄｅａｌ　ｂｅａｕｔｙ　ｌａｂｏｒａｔｏｒｙ</t>
  </si>
  <si>
    <t>Ａｍｕ　Ｈａｉｒ</t>
  </si>
  <si>
    <t>富山市西長江一丁目１２－１８</t>
    <rPh sb="0" eb="3">
      <t>トヤマシ</t>
    </rPh>
    <rPh sb="3" eb="4">
      <t>ニシ</t>
    </rPh>
    <rPh sb="4" eb="6">
      <t>ナガエ</t>
    </rPh>
    <rPh sb="6" eb="9">
      <t>イッチョウメ</t>
    </rPh>
    <phoneticPr fontId="2"/>
  </si>
  <si>
    <t>ｍｕｎａ．</t>
  </si>
  <si>
    <t>アスリート速星１０２号</t>
    <rPh sb="5" eb="7">
      <t>ハヤホシ</t>
    </rPh>
    <rPh sb="10" eb="11">
      <t>ゴウ</t>
    </rPh>
    <phoneticPr fontId="2"/>
  </si>
  <si>
    <t>ＨＡＩＲ　ＳＡＬＯＮ　ＩＷＡＳＡＫＩ　富山上飯野店</t>
    <rPh sb="19" eb="21">
      <t>トヤマ</t>
    </rPh>
    <rPh sb="21" eb="24">
      <t>カミイイノ</t>
    </rPh>
    <rPh sb="24" eb="25">
      <t>テン</t>
    </rPh>
    <phoneticPr fontId="2"/>
  </si>
  <si>
    <t>富山市上飯野４１－５</t>
    <rPh sb="0" eb="3">
      <t>トヤマシ</t>
    </rPh>
    <rPh sb="3" eb="6">
      <t>カミイイノ</t>
    </rPh>
    <phoneticPr fontId="2"/>
  </si>
  <si>
    <t>ウェスティンビル２Ｆ</t>
  </si>
  <si>
    <t>高岡市横田町一丁目１－１１</t>
    <rPh sb="0" eb="3">
      <t>タカオカシ</t>
    </rPh>
    <rPh sb="3" eb="6">
      <t>ヨコタマチ</t>
    </rPh>
    <rPh sb="6" eb="9">
      <t>イッチョウメ</t>
    </rPh>
    <phoneticPr fontId="2"/>
  </si>
  <si>
    <t>ドレスショップ　コアラ</t>
  </si>
  <si>
    <t>浜忠ビル１階</t>
    <rPh sb="0" eb="1">
      <t>ハマ</t>
    </rPh>
    <rPh sb="1" eb="2">
      <t>タダシ</t>
    </rPh>
    <rPh sb="5" eb="6">
      <t>カイ</t>
    </rPh>
    <phoneticPr fontId="2"/>
  </si>
  <si>
    <t>富山市上飯野新町三丁目２３</t>
    <rPh sb="0" eb="3">
      <t>トヤマシ</t>
    </rPh>
    <rPh sb="3" eb="8">
      <t>カミイイノシンマチ</t>
    </rPh>
    <rPh sb="8" eb="11">
      <t>サンチョウメ</t>
    </rPh>
    <phoneticPr fontId="2"/>
  </si>
  <si>
    <t>ｃόｔｔｏｎ(検索用:cotton)</t>
  </si>
  <si>
    <t>有限会社　神戸美容室</t>
  </si>
  <si>
    <t>有限会社　ジュネス・ジョニー</t>
  </si>
  <si>
    <t>有限会社　ビューティスポットやなぎだ　</t>
  </si>
  <si>
    <t>有限会社　田中美容院</t>
  </si>
  <si>
    <t>有限会社　ソーウビューティプランニング</t>
  </si>
  <si>
    <t>有限会社　オアシス</t>
  </si>
  <si>
    <t>有限会社　美容室せきぐち　</t>
  </si>
  <si>
    <t>有限会社　ヘアーブレス</t>
  </si>
  <si>
    <t>有限会社　　ヘアーラヴァブルポテト</t>
  </si>
  <si>
    <t>有限会社　　プールス</t>
  </si>
  <si>
    <t>有限会社　　ヴィルアップ</t>
  </si>
  <si>
    <t>有限会社　　ア・ラ・モード</t>
  </si>
  <si>
    <t>有限会社　　パッション</t>
  </si>
  <si>
    <t>有限会社　　ブリーズ髪風</t>
  </si>
  <si>
    <t>有限会社　　ふれあいのひろば</t>
  </si>
  <si>
    <t>経理システム　有限会社　</t>
  </si>
  <si>
    <t>有限会社　　サニー美容室</t>
    <rPh sb="9" eb="12">
      <t>ビヨウシツ</t>
    </rPh>
    <phoneticPr fontId="2"/>
  </si>
  <si>
    <t>有限会社　　キドニィ</t>
  </si>
  <si>
    <t>富山市呉羽町7355-45</t>
    <rPh sb="0" eb="3">
      <t>トヤマシ</t>
    </rPh>
    <rPh sb="3" eb="6">
      <t>クレハマチ</t>
    </rPh>
    <phoneticPr fontId="2"/>
  </si>
  <si>
    <t>株式会社　はまざき　</t>
  </si>
  <si>
    <t>株式会社　アトリエいざわ</t>
  </si>
  <si>
    <t>富山市太郎丸本町四丁目2-17</t>
    <rPh sb="0" eb="3">
      <t>トヤマシ</t>
    </rPh>
    <rPh sb="3" eb="6">
      <t>タロウマル</t>
    </rPh>
    <rPh sb="6" eb="8">
      <t>ホンマチ</t>
    </rPh>
    <rPh sb="8" eb="9">
      <t>ヨン</t>
    </rPh>
    <rPh sb="9" eb="11">
      <t>チョウメ</t>
    </rPh>
    <phoneticPr fontId="2"/>
  </si>
  <si>
    <t>株式会社　　アポロ</t>
  </si>
  <si>
    <t>株式会社　　シュプレム　</t>
  </si>
  <si>
    <t>株式会社　　マックスコムズウエスト</t>
  </si>
  <si>
    <t>株式会社　　みょんみょん</t>
  </si>
  <si>
    <t>株式会社　　Ｓ＆Ｓ</t>
  </si>
  <si>
    <t>カラーズジャパン　株式会社　</t>
  </si>
  <si>
    <t>株式会社　　オリフボン</t>
  </si>
  <si>
    <t>株式会社　　Ｂｌａｎｃ</t>
  </si>
  <si>
    <t>株式会社　　ＥＳＴ</t>
  </si>
  <si>
    <t>株式会社　　４ｔｒｅｓｓ</t>
  </si>
  <si>
    <t>株式会社　　きくら美粧室</t>
  </si>
  <si>
    <t>株式会社　　メアリスト</t>
  </si>
  <si>
    <t>株式会社　　ＵＮＡＲＴＹ</t>
  </si>
  <si>
    <t>株式会社　　ｃｏｅｕｒ</t>
  </si>
  <si>
    <t>株式会社　　ＫＴＫ</t>
  </si>
  <si>
    <t>株式会社　　バンディヴォーグ</t>
  </si>
  <si>
    <t>株式会社　　Ａ’Ｇｒｏｕｐ</t>
  </si>
  <si>
    <t>株式会社　　ＣＯＬＯＲＳ</t>
  </si>
  <si>
    <t>株式会社　　ワイズコーポレーション</t>
  </si>
  <si>
    <t>株式会社　　ＷＥＢＳＴＹＬＥ</t>
  </si>
  <si>
    <t>株式会社　　Ｂ.Ａ.Ｌ</t>
  </si>
  <si>
    <t>株式会社　　Ｒｅｃｔｏｒ</t>
  </si>
  <si>
    <t>ｈａｉｒｄｏ－ＮＩＣＯＬＩ</t>
  </si>
  <si>
    <t>富山市秋吉120-5</t>
    <rPh sb="0" eb="3">
      <t>トヤマシ</t>
    </rPh>
    <rPh sb="3" eb="5">
      <t>アキヨシ</t>
    </rPh>
    <phoneticPr fontId="2"/>
  </si>
  <si>
    <t>美容室ブラッサム</t>
    <rPh sb="0" eb="3">
      <t>ビヨウシツ</t>
    </rPh>
    <phoneticPr fontId="2"/>
  </si>
  <si>
    <t>富山市西中野本町５－１８</t>
    <rPh sb="0" eb="3">
      <t>トヤマシ</t>
    </rPh>
    <rPh sb="3" eb="4">
      <t>ニシ</t>
    </rPh>
    <rPh sb="4" eb="6">
      <t>ナカノ</t>
    </rPh>
    <rPh sb="6" eb="8">
      <t>ホンマチ</t>
    </rPh>
    <phoneticPr fontId="2"/>
  </si>
  <si>
    <t>Ｃｏ．マチ五艘Ｃ-2</t>
    <rPh sb="5" eb="7">
      <t>ゴソウ</t>
    </rPh>
    <phoneticPr fontId="2"/>
  </si>
  <si>
    <t>富山市今泉３２６</t>
    <rPh sb="0" eb="3">
      <t>トヤマシ</t>
    </rPh>
    <rPh sb="3" eb="5">
      <t>イマイズミ</t>
    </rPh>
    <phoneticPr fontId="2"/>
  </si>
  <si>
    <t>ｎｉｕｄ</t>
  </si>
  <si>
    <t>Ｃ'ｅｓｔ　ｃｈｏｕｅｔｔｅ（セ・シュエット）</t>
  </si>
  <si>
    <t>ユニバーサル　株式会社</t>
    <rPh sb="7" eb="11">
      <t>カブシキガイシャ</t>
    </rPh>
    <phoneticPr fontId="2"/>
  </si>
  <si>
    <t>高岡市野村１５４８－１</t>
    <rPh sb="0" eb="3">
      <t>タカオカシ</t>
    </rPh>
    <rPh sb="3" eb="5">
      <t>ノムラ</t>
    </rPh>
    <phoneticPr fontId="2"/>
  </si>
  <si>
    <t>富山市呉羽東町７２７５－２１</t>
    <rPh sb="0" eb="3">
      <t>トヤマシ</t>
    </rPh>
    <rPh sb="3" eb="5">
      <t>クレハ</t>
    </rPh>
    <rPh sb="5" eb="6">
      <t>ヒガシ</t>
    </rPh>
    <rPh sb="6" eb="7">
      <t>マチ</t>
    </rPh>
    <phoneticPr fontId="2"/>
  </si>
  <si>
    <t>ＳＯＵＣＯ</t>
  </si>
  <si>
    <t>salon de knot</t>
  </si>
  <si>
    <t>富山市大町２０６</t>
    <rPh sb="0" eb="3">
      <t>トヤマシ</t>
    </rPh>
    <rPh sb="3" eb="5">
      <t>オオマチ</t>
    </rPh>
    <phoneticPr fontId="2"/>
  </si>
  <si>
    <t>村井ビル１階</t>
    <rPh sb="0" eb="2">
      <t>ムライ</t>
    </rPh>
    <rPh sb="5" eb="6">
      <t>カイ</t>
    </rPh>
    <phoneticPr fontId="2"/>
  </si>
  <si>
    <t>Ｋｉｎａｒｉ（キナリ）</t>
  </si>
  <si>
    <t>富山市鹿島町一丁目１－１５</t>
    <rPh sb="0" eb="3">
      <t>トヤマシ</t>
    </rPh>
    <rPh sb="3" eb="6">
      <t>カシマチョウ</t>
    </rPh>
    <rPh sb="6" eb="9">
      <t>イッチョウメ</t>
    </rPh>
    <phoneticPr fontId="2"/>
  </si>
  <si>
    <t>富山市古沢７３５－１</t>
    <rPh sb="0" eb="3">
      <t>トヤマシ</t>
    </rPh>
    <rPh sb="3" eb="5">
      <t>フルサワ</t>
    </rPh>
    <phoneticPr fontId="2"/>
  </si>
  <si>
    <t>ｐｅｔｉｔ　ｅｙｅｌａｓｈ</t>
  </si>
  <si>
    <t>富山市二口町四丁目９－１０</t>
    <rPh sb="0" eb="3">
      <t>トヤマシ</t>
    </rPh>
    <rPh sb="6" eb="9">
      <t>ヨンチョウメ</t>
    </rPh>
    <phoneticPr fontId="2"/>
  </si>
  <si>
    <t>ｅｙｅｌａｓｈ＋ｓｐａ　ｙｏｕ</t>
  </si>
  <si>
    <t>美容室　みょんみょん　藤木店</t>
    <rPh sb="0" eb="3">
      <t>ビヨウシツ</t>
    </rPh>
    <phoneticPr fontId="2"/>
  </si>
  <si>
    <t>Ｃｈｉｏ</t>
  </si>
  <si>
    <t>ＢｅａｕｔｙＨａｕｓｅユミ</t>
  </si>
  <si>
    <t>富山市萩原２３７－１</t>
    <rPh sb="0" eb="3">
      <t>トヤマシ</t>
    </rPh>
    <rPh sb="3" eb="5">
      <t>ハギハラ</t>
    </rPh>
    <phoneticPr fontId="2"/>
  </si>
  <si>
    <t>ヴィラ・アンテノール１０１</t>
  </si>
  <si>
    <t>ｏｄａｎｇｏ　ｈａｉｒ</t>
  </si>
  <si>
    <t>ｌｕｍｉｅｒｅ　ｍｉｇｎｏｎ</t>
  </si>
  <si>
    <t>富山市婦中町速星５５８－５</t>
    <rPh sb="0" eb="3">
      <t>トヤマシ</t>
    </rPh>
    <rPh sb="3" eb="6">
      <t>フチュウマチ</t>
    </rPh>
    <rPh sb="6" eb="8">
      <t>ハヤホシ</t>
    </rPh>
    <phoneticPr fontId="2"/>
  </si>
  <si>
    <t>富山市高屋敷８１６－１３</t>
    <rPh sb="0" eb="3">
      <t>トヤマシ</t>
    </rPh>
    <rPh sb="3" eb="6">
      <t>タカヤシキ</t>
    </rPh>
    <phoneticPr fontId="2"/>
  </si>
  <si>
    <t>hair and spa slon calin</t>
  </si>
  <si>
    <t>ＨＵＥ</t>
  </si>
  <si>
    <t>富山市清水元町５－４</t>
    <rPh sb="0" eb="3">
      <t>トヤマシ</t>
    </rPh>
    <rPh sb="3" eb="7">
      <t>シミズモトマチ</t>
    </rPh>
    <phoneticPr fontId="2"/>
  </si>
  <si>
    <t>ラフィネ清水Ⅰ　１Ｆ</t>
    <rPh sb="4" eb="6">
      <t>シミズ</t>
    </rPh>
    <phoneticPr fontId="2"/>
  </si>
  <si>
    <t>松岡テナント</t>
    <rPh sb="0" eb="2">
      <t>マツオカ</t>
    </rPh>
    <phoneticPr fontId="2"/>
  </si>
  <si>
    <t>富山市羽根１４２０－５</t>
    <rPh sb="0" eb="3">
      <t>トヤマシ</t>
    </rPh>
    <rPh sb="3" eb="5">
      <t>ハネ</t>
    </rPh>
    <phoneticPr fontId="2"/>
  </si>
  <si>
    <t>ＡＯ　ＣＡＲＥ（アオ・ケア）</t>
  </si>
  <si>
    <t>ＶＥＮＥ　ｅｙｅｌａｓｈ　ｓａｌｏｎ</t>
  </si>
  <si>
    <t>Sora</t>
  </si>
  <si>
    <t>ｕｆｕｆｕ</t>
  </si>
  <si>
    <t>ｃｏｏｍ</t>
  </si>
  <si>
    <t>東洋１２ビル３階</t>
    <rPh sb="0" eb="2">
      <t>トウヨウ</t>
    </rPh>
    <rPh sb="7" eb="8">
      <t>カイ</t>
    </rPh>
    <phoneticPr fontId="2"/>
  </si>
  <si>
    <t>富山市四ツ葉町21-47</t>
    <rPh sb="0" eb="3">
      <t>トヤマシ</t>
    </rPh>
    <rPh sb="3" eb="4">
      <t>ヨ</t>
    </rPh>
    <rPh sb="5" eb="7">
      <t>バチョウ</t>
    </rPh>
    <phoneticPr fontId="2"/>
  </si>
  <si>
    <t>富山市呉羽町７１４８－２</t>
    <rPh sb="0" eb="3">
      <t>トヤマシ</t>
    </rPh>
    <rPh sb="3" eb="5">
      <t>クレハ</t>
    </rPh>
    <rPh sb="5" eb="6">
      <t>マチ</t>
    </rPh>
    <phoneticPr fontId="2"/>
  </si>
  <si>
    <t>株式会社　Ｅｉｇｈｔ</t>
    <rPh sb="0" eb="4">
      <t>カブシキガイシャ</t>
    </rPh>
    <phoneticPr fontId="2"/>
  </si>
  <si>
    <t>富山市犬島５－６－３</t>
    <rPh sb="0" eb="3">
      <t>トヤマシ</t>
    </rPh>
    <rPh sb="3" eb="5">
      <t>イヌジマ</t>
    </rPh>
    <phoneticPr fontId="2"/>
  </si>
  <si>
    <t>ｈａｉｒ ｓａｌｏｎ ＫＩＴＴＹ</t>
  </si>
  <si>
    <t>キャルム101号室</t>
    <rPh sb="7" eb="9">
      <t>ゴウシツ</t>
    </rPh>
    <phoneticPr fontId="2"/>
  </si>
  <si>
    <t>富山市下新北町５－３２－１</t>
    <rPh sb="0" eb="3">
      <t>トヤマシ</t>
    </rPh>
    <rPh sb="3" eb="7">
      <t>シモシンキタマチ</t>
    </rPh>
    <phoneticPr fontId="2"/>
  </si>
  <si>
    <t>和田美容室</t>
  </si>
  <si>
    <t>Ｅｙｅｓａｌｏｎ ｍｏ’ｚ</t>
  </si>
  <si>
    <t>富山市大泉北町２－３</t>
    <rPh sb="0" eb="3">
      <t>トヤマシ</t>
    </rPh>
    <rPh sb="3" eb="7">
      <t>オオイズミキタマチ</t>
    </rPh>
    <phoneticPr fontId="2"/>
  </si>
  <si>
    <t>Ｎａｌｕ</t>
  </si>
  <si>
    <t>富山市豊田本町２－６－２０</t>
    <rPh sb="0" eb="3">
      <t>トヤマシ</t>
    </rPh>
    <rPh sb="3" eb="5">
      <t>トヨタ</t>
    </rPh>
    <rPh sb="5" eb="7">
      <t>ホンマチ</t>
    </rPh>
    <phoneticPr fontId="2"/>
  </si>
  <si>
    <t>富山市総曲輪３－２－１７</t>
    <rPh sb="0" eb="3">
      <t>トヤマシ</t>
    </rPh>
    <rPh sb="3" eb="6">
      <t>ソウガワ</t>
    </rPh>
    <phoneticPr fontId="2"/>
  </si>
  <si>
    <t>美容室ハハ</t>
    <rPh sb="0" eb="3">
      <t>ビヨウシツ</t>
    </rPh>
    <phoneticPr fontId="2"/>
  </si>
  <si>
    <t>富山市中市２－８－５１</t>
    <rPh sb="0" eb="3">
      <t>トヤマシ</t>
    </rPh>
    <rPh sb="3" eb="5">
      <t>ナカイチ</t>
    </rPh>
    <phoneticPr fontId="2"/>
  </si>
  <si>
    <t>ｍｉｔｏ Ｈａｉｒ Ｒｏｏｍ</t>
  </si>
  <si>
    <t>富山市羽根１４０７－２</t>
    <rPh sb="0" eb="3">
      <t>トヤマシ</t>
    </rPh>
    <rPh sb="3" eb="5">
      <t>ハネ</t>
    </rPh>
    <phoneticPr fontId="2"/>
  </si>
  <si>
    <t>富山市婦中町田島５８６ポイントスクエアＡ－１</t>
    <rPh sb="0" eb="3">
      <t>トヤマシ</t>
    </rPh>
    <rPh sb="3" eb="6">
      <t>フチュウマチ</t>
    </rPh>
    <rPh sb="6" eb="8">
      <t>タジマ</t>
    </rPh>
    <phoneticPr fontId="2"/>
  </si>
  <si>
    <t>まつげサロン　Ｎｅｒｉｎｅ</t>
  </si>
  <si>
    <t>富山市婦中町西ヶ丘１－１０６</t>
    <rPh sb="0" eb="3">
      <t>トヤマシ</t>
    </rPh>
    <rPh sb="3" eb="6">
      <t>フチュウマチ</t>
    </rPh>
    <rPh sb="6" eb="9">
      <t>ニシガオカ</t>
    </rPh>
    <phoneticPr fontId="2"/>
  </si>
  <si>
    <t>Ｄ－ＢＯＸ１０１</t>
  </si>
  <si>
    <t>Ｏｚ（オンス）</t>
  </si>
  <si>
    <t>富山市今泉北部町１－５</t>
  </si>
  <si>
    <t>富山市堀川町４０８</t>
    <rPh sb="0" eb="3">
      <t>トヤマシ</t>
    </rPh>
    <rPh sb="3" eb="5">
      <t>ホリカワ</t>
    </rPh>
    <rPh sb="5" eb="6">
      <t>マチ</t>
    </rPh>
    <phoneticPr fontId="2"/>
  </si>
  <si>
    <t>富山市婦中町速星５８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2"/>
  </si>
  <si>
    <t>ｍｕｔ．合同会社</t>
    <rPh sb="4" eb="6">
      <t>ゴウドウ</t>
    </rPh>
    <rPh sb="6" eb="8">
      <t>カイシャ</t>
    </rPh>
    <phoneticPr fontId="2"/>
  </si>
  <si>
    <t>ＤＥＬＩＧＨＴ　五福店</t>
  </si>
  <si>
    <t>東京都品川区東品川４－１２－６</t>
    <rPh sb="0" eb="3">
      <t>トウキョウト</t>
    </rPh>
    <rPh sb="3" eb="6">
      <t>シナガワク</t>
    </rPh>
    <rPh sb="6" eb="9">
      <t>ヒガシシナガワ</t>
    </rPh>
    <phoneticPr fontId="2"/>
  </si>
  <si>
    <t>富山市寺町けやき台１６番地</t>
    <rPh sb="0" eb="3">
      <t>トヤマシ</t>
    </rPh>
    <rPh sb="3" eb="5">
      <t>テラマチ</t>
    </rPh>
    <rPh sb="8" eb="9">
      <t>ダイ</t>
    </rPh>
    <rPh sb="11" eb="13">
      <t>バンチ</t>
    </rPh>
    <phoneticPr fontId="2"/>
  </si>
  <si>
    <t>東京都港区元麻布２－１－１７　モダンフォルム元麻布ビル２Ｆ</t>
    <rPh sb="0" eb="3">
      <t>トウキョウト</t>
    </rPh>
    <rPh sb="3" eb="5">
      <t>ミナトク</t>
    </rPh>
    <rPh sb="5" eb="8">
      <t>モトアザブ</t>
    </rPh>
    <rPh sb="22" eb="25">
      <t>モトアザブ</t>
    </rPh>
    <phoneticPr fontId="2"/>
  </si>
  <si>
    <t>ｍａｌｌｏｗ</t>
  </si>
  <si>
    <t>富山市山室１１１－４</t>
    <rPh sb="0" eb="3">
      <t>トヤマシ</t>
    </rPh>
    <rPh sb="3" eb="5">
      <t>ヤマムロ</t>
    </rPh>
    <phoneticPr fontId="2"/>
  </si>
  <si>
    <t>ｉｃｏ ｈａｉｒ</t>
  </si>
  <si>
    <t>富山市堤町通り２－７－５</t>
    <rPh sb="0" eb="3">
      <t>トヤマシ</t>
    </rPh>
    <rPh sb="3" eb="5">
      <t>ツツミチョウ</t>
    </rPh>
    <rPh sb="5" eb="6">
      <t>ドオリ</t>
    </rPh>
    <phoneticPr fontId="2"/>
  </si>
  <si>
    <t>菜の花</t>
    <rPh sb="0" eb="1">
      <t>ナ</t>
    </rPh>
    <rPh sb="2" eb="3">
      <t>ハナ</t>
    </rPh>
    <phoneticPr fontId="2"/>
  </si>
  <si>
    <t>ナチュラルヴィレッジ町村ⅡＡ棟　Ａ－２</t>
    <rPh sb="10" eb="12">
      <t>マチムラ</t>
    </rPh>
    <rPh sb="14" eb="15">
      <t>トウ</t>
    </rPh>
    <phoneticPr fontId="2"/>
  </si>
  <si>
    <t>ロディオビル１Ｆ</t>
  </si>
  <si>
    <t>株式会社　和楽美容室</t>
    <rPh sb="0" eb="2">
      <t>カブシキ</t>
    </rPh>
    <rPh sb="2" eb="4">
      <t>カイシャ</t>
    </rPh>
    <phoneticPr fontId="2"/>
  </si>
  <si>
    <t>富山市秋吉１６３－１－２</t>
    <rPh sb="0" eb="3">
      <t>トヤマシ</t>
    </rPh>
    <rPh sb="3" eb="5">
      <t>アキヨシ</t>
    </rPh>
    <phoneticPr fontId="2"/>
  </si>
  <si>
    <t>ファースト秋吉Ⅲ１３８号室</t>
    <rPh sb="5" eb="7">
      <t>アキヨシ</t>
    </rPh>
    <rPh sb="11" eb="13">
      <t>ゴウシツ</t>
    </rPh>
    <phoneticPr fontId="2"/>
  </si>
  <si>
    <t>Ｄ－ＢＯＸ田島Ｂ棟１０３号室</t>
    <rPh sb="5" eb="7">
      <t>タジマ</t>
    </rPh>
    <rPh sb="8" eb="9">
      <t>トウ</t>
    </rPh>
    <rPh sb="12" eb="14">
      <t>ゴウシツ</t>
    </rPh>
    <phoneticPr fontId="2"/>
  </si>
  <si>
    <t>富山市西長江３丁目６－３３</t>
    <rPh sb="0" eb="3">
      <t>トヤマシ</t>
    </rPh>
    <rPh sb="3" eb="4">
      <t>ニシ</t>
    </rPh>
    <rPh sb="4" eb="6">
      <t>ナガエ</t>
    </rPh>
    <rPh sb="7" eb="9">
      <t>チョウメ</t>
    </rPh>
    <phoneticPr fontId="2"/>
  </si>
  <si>
    <t>NORA</t>
  </si>
  <si>
    <t>株式会社　ｃａｓａ　ｈｉｒｕ　ｇａｒｄｅｎ</t>
    <rPh sb="0" eb="2">
      <t>カブシキ</t>
    </rPh>
    <rPh sb="2" eb="4">
      <t>カイシャ</t>
    </rPh>
    <phoneticPr fontId="2"/>
  </si>
  <si>
    <t>富山市常盤台１－４１</t>
    <rPh sb="0" eb="3">
      <t>トヤマシ</t>
    </rPh>
    <rPh sb="3" eb="6">
      <t>トキワダイ</t>
    </rPh>
    <phoneticPr fontId="2"/>
  </si>
  <si>
    <t>グランフィオーレ１Ｆ－Ｂ</t>
  </si>
  <si>
    <t>eye care salon SUMICURO</t>
  </si>
  <si>
    <t>ｓｅｅ</t>
  </si>
  <si>
    <t>ｔｏｉｒｏ</t>
  </si>
  <si>
    <t>ブライト鹿島2B</t>
    <rPh sb="4" eb="6">
      <t>カシマ</t>
    </rPh>
    <phoneticPr fontId="2"/>
  </si>
  <si>
    <t>株式会社　富山レスキューサービス</t>
    <rPh sb="0" eb="2">
      <t>カブシキ</t>
    </rPh>
    <rPh sb="2" eb="4">
      <t>カイシャ</t>
    </rPh>
    <rPh sb="5" eb="7">
      <t>トヤマ</t>
    </rPh>
    <phoneticPr fontId="2"/>
  </si>
  <si>
    <t>コーヌコピア１０２</t>
  </si>
  <si>
    <t>ｂａｌｍ</t>
  </si>
  <si>
    <t>富山市東町２－４－３０</t>
    <rPh sb="0" eb="3">
      <t>トヤマシ</t>
    </rPh>
    <rPh sb="3" eb="4">
      <t>ヒガシ</t>
    </rPh>
    <rPh sb="4" eb="5">
      <t>マチ</t>
    </rPh>
    <phoneticPr fontId="2"/>
  </si>
  <si>
    <t>富山市上大久保３１６－６</t>
    <rPh sb="0" eb="3">
      <t>トヤマシ</t>
    </rPh>
    <rPh sb="3" eb="7">
      <t>カミオオクボ</t>
    </rPh>
    <phoneticPr fontId="2"/>
  </si>
  <si>
    <t>富山市西塩野３７６－３</t>
    <rPh sb="0" eb="3">
      <t>トヤマシ</t>
    </rPh>
    <rPh sb="3" eb="4">
      <t>ニシ</t>
    </rPh>
    <rPh sb="4" eb="6">
      <t>シオノ</t>
    </rPh>
    <phoneticPr fontId="2"/>
  </si>
  <si>
    <t>サロンＬａＬａ</t>
  </si>
  <si>
    <t>富山市八尾町杉田６０３</t>
    <rPh sb="0" eb="3">
      <t>トヤマシ</t>
    </rPh>
    <rPh sb="3" eb="6">
      <t>ヤツオマチ</t>
    </rPh>
    <rPh sb="6" eb="8">
      <t>スギタ</t>
    </rPh>
    <phoneticPr fontId="2"/>
  </si>
  <si>
    <t>富山市住吉町1-1-10</t>
    <rPh sb="0" eb="3">
      <t>トヤマシ</t>
    </rPh>
    <rPh sb="3" eb="6">
      <t>スミヨシマチ</t>
    </rPh>
    <phoneticPr fontId="2"/>
  </si>
  <si>
    <t>富山市鵯島１９６９－１</t>
    <rPh sb="0" eb="3">
      <t>トヤマシ</t>
    </rPh>
    <rPh sb="3" eb="5">
      <t>ヒヨドリジマ</t>
    </rPh>
    <phoneticPr fontId="2"/>
  </si>
  <si>
    <t>Ｍａ　Ｃｈéｒｉｅ</t>
  </si>
  <si>
    <t>富山市一番町５－５　１Ｆ</t>
    <rPh sb="0" eb="3">
      <t>トヤマシ</t>
    </rPh>
    <rPh sb="3" eb="5">
      <t>イチバン</t>
    </rPh>
    <rPh sb="5" eb="6">
      <t>マチ</t>
    </rPh>
    <phoneticPr fontId="2"/>
  </si>
  <si>
    <t>太田口Ｊビル１Ｆ</t>
    <rPh sb="0" eb="3">
      <t>オオタグチ</t>
    </rPh>
    <phoneticPr fontId="2"/>
  </si>
  <si>
    <t>D'econtract'e salon SOIN</t>
  </si>
  <si>
    <t>株式会社　ＢＯＲＤＯ</t>
    <rPh sb="0" eb="2">
      <t>カブシキ</t>
    </rPh>
    <rPh sb="2" eb="4">
      <t>カイシャ</t>
    </rPh>
    <phoneticPr fontId="2"/>
  </si>
  <si>
    <t>富山市中島３－６－４２</t>
    <rPh sb="0" eb="3">
      <t>トヤマシ</t>
    </rPh>
    <rPh sb="3" eb="5">
      <t>ナカジマ</t>
    </rPh>
    <phoneticPr fontId="2"/>
  </si>
  <si>
    <t>ＰＩＣＫＹ</t>
  </si>
  <si>
    <t>Ａ号室</t>
    <rPh sb="1" eb="3">
      <t>ゴウシツ</t>
    </rPh>
    <phoneticPr fontId="2"/>
  </si>
  <si>
    <t>Men's hair salon GREED by BORDO</t>
  </si>
  <si>
    <t>富山市根塚町２丁目２－１</t>
    <rPh sb="0" eb="3">
      <t>トヤマシ</t>
    </rPh>
    <rPh sb="3" eb="6">
      <t>ネヅカマチ</t>
    </rPh>
    <rPh sb="7" eb="9">
      <t>チョウメ</t>
    </rPh>
    <phoneticPr fontId="2"/>
  </si>
  <si>
    <t>Ｍフンダリーカ３０４</t>
  </si>
  <si>
    <t>富山市西公文名町５－３２</t>
    <rPh sb="0" eb="3">
      <t>トヤマシ</t>
    </rPh>
    <rPh sb="3" eb="7">
      <t>ニシクモンミョウ</t>
    </rPh>
    <rPh sb="7" eb="8">
      <t>マチ</t>
    </rPh>
    <phoneticPr fontId="2"/>
  </si>
  <si>
    <t>ｅｙｅｌａｓｈ　ｓａｌｏｎ　Ｎｏｏｋ</t>
  </si>
  <si>
    <t>富山市豊若町１ー１４－１６</t>
  </si>
  <si>
    <t>株式会社　ｂｅｌｅｃｔ</t>
    <rPh sb="0" eb="2">
      <t>カブシキ</t>
    </rPh>
    <rPh sb="2" eb="4">
      <t>カイシャ</t>
    </rPh>
    <phoneticPr fontId="2"/>
  </si>
  <si>
    <t>富山市西四十物町４－２</t>
    <rPh sb="0" eb="3">
      <t>トヤマシ</t>
    </rPh>
    <rPh sb="3" eb="4">
      <t>ニシ</t>
    </rPh>
    <rPh sb="4" eb="7">
      <t>アイモノ</t>
    </rPh>
    <rPh sb="7" eb="8">
      <t>チョウ</t>
    </rPh>
    <phoneticPr fontId="2"/>
  </si>
  <si>
    <t>美容室　みょんみょん　高屋敷店</t>
    <rPh sb="0" eb="3">
      <t>ビヨウシツ</t>
    </rPh>
    <rPh sb="11" eb="14">
      <t>タカヤシキ</t>
    </rPh>
    <rPh sb="14" eb="15">
      <t>テン</t>
    </rPh>
    <phoneticPr fontId="2"/>
  </si>
  <si>
    <t>株式会社　みょんみょん</t>
    <rPh sb="0" eb="2">
      <t>カブシキ</t>
    </rPh>
    <rPh sb="2" eb="4">
      <t>カイシャ</t>
    </rPh>
    <phoneticPr fontId="2"/>
  </si>
  <si>
    <t>ｒｉｍ</t>
  </si>
  <si>
    <t>富山市中島３－７－４</t>
    <rPh sb="0" eb="3">
      <t>トヤマシ</t>
    </rPh>
    <rPh sb="3" eb="5">
      <t>ナカジマ</t>
    </rPh>
    <phoneticPr fontId="2"/>
  </si>
  <si>
    <t>ネイルサロン　イチ</t>
  </si>
  <si>
    <t>富山市牛島新町３－７</t>
    <rPh sb="0" eb="3">
      <t>トヤマシ</t>
    </rPh>
    <rPh sb="3" eb="7">
      <t>ウシジマシンマチ</t>
    </rPh>
    <phoneticPr fontId="2"/>
  </si>
  <si>
    <t>レジデンス牛島１階</t>
  </si>
  <si>
    <t>株式会社　Ａｓｓｅｍｂｌｅ</t>
    <rPh sb="0" eb="2">
      <t>カブシキ</t>
    </rPh>
    <rPh sb="2" eb="4">
      <t>カイシャ</t>
    </rPh>
    <phoneticPr fontId="2"/>
  </si>
  <si>
    <t>富山市婦中町速星５５８－２</t>
    <rPh sb="0" eb="3">
      <t>トヤマシ</t>
    </rPh>
    <rPh sb="3" eb="6">
      <t>フチュウマチ</t>
    </rPh>
    <rPh sb="6" eb="8">
      <t>ハヤホシ</t>
    </rPh>
    <phoneticPr fontId="2"/>
  </si>
  <si>
    <t>富山市呉羽町７３５５－４５</t>
    <rPh sb="0" eb="3">
      <t>トヤマシ</t>
    </rPh>
    <rPh sb="3" eb="5">
      <t>クレハ</t>
    </rPh>
    <rPh sb="5" eb="6">
      <t>マチ</t>
    </rPh>
    <phoneticPr fontId="2"/>
  </si>
  <si>
    <t>foto 富山</t>
    <rPh sb="5" eb="7">
      <t>トヤマ</t>
    </rPh>
    <phoneticPr fontId="2"/>
  </si>
  <si>
    <t>株式会社　ガッツ・ヒーロー</t>
    <rPh sb="0" eb="2">
      <t>カブシキ</t>
    </rPh>
    <rPh sb="2" eb="4">
      <t>カイシャ</t>
    </rPh>
    <phoneticPr fontId="2"/>
  </si>
  <si>
    <t>株式会社　Ｇｒｏｗ　ｕｐ</t>
  </si>
  <si>
    <t>株式会社　Ｃｒｅａｔｉｏｎ</t>
    <rPh sb="0" eb="4">
      <t>カブシキガイシャ</t>
    </rPh>
    <phoneticPr fontId="2"/>
  </si>
  <si>
    <t>金沢市片町１－１２－２１</t>
    <rPh sb="0" eb="3">
      <t>カナザワシ</t>
    </rPh>
    <rPh sb="3" eb="5">
      <t>カタマチ</t>
    </rPh>
    <phoneticPr fontId="2"/>
  </si>
  <si>
    <t>ｍｉｅｌ　富山店</t>
    <rPh sb="5" eb="8">
      <t>トヤマテン</t>
    </rPh>
    <phoneticPr fontId="2"/>
  </si>
  <si>
    <t>石黒ビル１階南</t>
    <rPh sb="0" eb="2">
      <t>イシグロ</t>
    </rPh>
    <rPh sb="5" eb="6">
      <t>カイ</t>
    </rPh>
    <rPh sb="6" eb="7">
      <t>ミナミ</t>
    </rPh>
    <phoneticPr fontId="2"/>
  </si>
  <si>
    <t>Ｅｎ</t>
  </si>
  <si>
    <t>富山市秋吉１７９－１</t>
    <rPh sb="0" eb="3">
      <t>トヤマシ</t>
    </rPh>
    <rPh sb="3" eb="5">
      <t>アキヨシ</t>
    </rPh>
    <phoneticPr fontId="2"/>
  </si>
  <si>
    <t>ＡＬＵＲＥ ｈａｉｒ ｓａｌｏｎ</t>
  </si>
  <si>
    <t>富山市新庄町二丁目１６－４０</t>
    <rPh sb="0" eb="3">
      <t>トヤマシ</t>
    </rPh>
    <rPh sb="3" eb="6">
      <t>シンジョウマチ</t>
    </rPh>
    <rPh sb="6" eb="9">
      <t>ニチョウメ</t>
    </rPh>
    <phoneticPr fontId="2"/>
  </si>
  <si>
    <t>プレミスト総曲輪１０４</t>
    <rPh sb="5" eb="8">
      <t>ソウガワ</t>
    </rPh>
    <phoneticPr fontId="2"/>
  </si>
  <si>
    <t>富山市長江新町四丁目９－１８</t>
    <rPh sb="0" eb="3">
      <t>トヤマシ</t>
    </rPh>
    <rPh sb="3" eb="7">
      <t>ナガエシンマチ</t>
    </rPh>
    <rPh sb="7" eb="10">
      <t>４チョウメ</t>
    </rPh>
    <phoneticPr fontId="2"/>
  </si>
  <si>
    <t>Ｌｉｌｉａ</t>
  </si>
  <si>
    <t>富山市中川原３８２－５</t>
    <rPh sb="0" eb="3">
      <t>トヤマシ</t>
    </rPh>
    <rPh sb="3" eb="6">
      <t>ナカガワラ</t>
    </rPh>
    <phoneticPr fontId="2"/>
  </si>
  <si>
    <t>株式会社　ｍｏｎｉｃａ</t>
    <rPh sb="0" eb="2">
      <t>カブシキ</t>
    </rPh>
    <rPh sb="2" eb="4">
      <t>カイシャ</t>
    </rPh>
    <phoneticPr fontId="2"/>
  </si>
  <si>
    <t>美容室ティアラ</t>
    <rPh sb="0" eb="3">
      <t>ビヨウシツ</t>
    </rPh>
    <phoneticPr fontId="2"/>
  </si>
  <si>
    <t>富山市藤の木台三丁目７９－１１</t>
    <rPh sb="0" eb="3">
      <t>トヤマシ</t>
    </rPh>
    <rPh sb="3" eb="4">
      <t>フジ</t>
    </rPh>
    <rPh sb="5" eb="6">
      <t>キ</t>
    </rPh>
    <rPh sb="6" eb="7">
      <t>ダイ</t>
    </rPh>
    <rPh sb="7" eb="10">
      <t>サンチョウメ</t>
    </rPh>
    <phoneticPr fontId="2"/>
  </si>
  <si>
    <t>シーサイドビル２階</t>
    <rPh sb="8" eb="9">
      <t>カイ</t>
    </rPh>
    <phoneticPr fontId="2"/>
  </si>
  <si>
    <t>ｏｔｏ</t>
  </si>
  <si>
    <t>ロイヤルメゾンＢ　1Ｆ</t>
  </si>
  <si>
    <t>ｈｏｏｐ</t>
  </si>
  <si>
    <t>富山市藤木２１３１－２４</t>
    <rPh sb="0" eb="3">
      <t>トヤマシ</t>
    </rPh>
    <rPh sb="3" eb="4">
      <t>フジ</t>
    </rPh>
    <rPh sb="4" eb="5">
      <t>キ</t>
    </rPh>
    <phoneticPr fontId="2"/>
  </si>
  <si>
    <t>富山市久方町８－４６</t>
    <rPh sb="0" eb="3">
      <t>トヤマシ</t>
    </rPh>
    <rPh sb="3" eb="5">
      <t>ヒサカタ</t>
    </rPh>
    <rPh sb="5" eb="6">
      <t>マチ</t>
    </rPh>
    <phoneticPr fontId="2"/>
  </si>
  <si>
    <t>ロレインブロウ富山店</t>
    <rPh sb="7" eb="10">
      <t>トヤマテン</t>
    </rPh>
    <phoneticPr fontId="2"/>
  </si>
  <si>
    <t>富山市中市二丁目８－５６</t>
    <rPh sb="0" eb="3">
      <t>トヤマシ</t>
    </rPh>
    <rPh sb="3" eb="5">
      <t>ナカイチ</t>
    </rPh>
    <rPh sb="5" eb="8">
      <t>ニチョウメ</t>
    </rPh>
    <phoneticPr fontId="2"/>
  </si>
  <si>
    <t>ＶＩＡＲＱ　株式会社</t>
    <rPh sb="6" eb="8">
      <t>カブシキ</t>
    </rPh>
    <rPh sb="8" eb="10">
      <t>カイシャ</t>
    </rPh>
    <phoneticPr fontId="2"/>
  </si>
  <si>
    <t>レジデンスムライ１０６号</t>
    <rPh sb="11" eb="12">
      <t>ゴウ</t>
    </rPh>
    <phoneticPr fontId="2"/>
  </si>
  <si>
    <t>eyelash salon limi</t>
  </si>
  <si>
    <t>ＴＯＲＯ</t>
  </si>
  <si>
    <t>ｒｉｔａ</t>
  </si>
  <si>
    <t>ｃｌａｉｒｅ</t>
  </si>
  <si>
    <t>ｔｏａｎ</t>
  </si>
  <si>
    <t>富山市山室185-1</t>
    <rPh sb="0" eb="3">
      <t>トヤマシ</t>
    </rPh>
    <rPh sb="3" eb="5">
      <t>ヤマムロ</t>
    </rPh>
    <phoneticPr fontId="2"/>
  </si>
  <si>
    <t>レジデンス蘭1-A</t>
  </si>
  <si>
    <t>富山市下タ林６３－１</t>
  </si>
  <si>
    <t>合同会社　tonari</t>
    <rPh sb="0" eb="2">
      <t>ゴウドウ</t>
    </rPh>
    <rPh sb="2" eb="4">
      <t>カイシャ</t>
    </rPh>
    <phoneticPr fontId="2"/>
  </si>
  <si>
    <t>U.</t>
  </si>
  <si>
    <t>富山市住吉516</t>
    <rPh sb="0" eb="3">
      <t>トヤマシ</t>
    </rPh>
    <rPh sb="3" eb="5">
      <t>スミヨシ</t>
    </rPh>
    <phoneticPr fontId="2"/>
  </si>
  <si>
    <t>BLEA 富山店</t>
    <rPh sb="5" eb="8">
      <t>トヤマテン</t>
    </rPh>
    <phoneticPr fontId="2"/>
  </si>
  <si>
    <t>富山市下新本町10-28</t>
    <rPh sb="0" eb="3">
      <t>トヤマシ</t>
    </rPh>
    <rPh sb="3" eb="4">
      <t>シモ</t>
    </rPh>
    <rPh sb="4" eb="5">
      <t>シン</t>
    </rPh>
    <rPh sb="5" eb="7">
      <t>ホンマチ</t>
    </rPh>
    <phoneticPr fontId="2"/>
  </si>
  <si>
    <t>富山市久方町8-43</t>
    <rPh sb="0" eb="3">
      <t>トヤマシ</t>
    </rPh>
    <rPh sb="3" eb="6">
      <t>ヒサカタチョウ</t>
    </rPh>
    <phoneticPr fontId="2"/>
  </si>
  <si>
    <t>富山市西長江一丁目7-23</t>
    <rPh sb="0" eb="3">
      <t>トヤマシ</t>
    </rPh>
    <rPh sb="6" eb="9">
      <t>イッチョウメ</t>
    </rPh>
    <phoneticPr fontId="2"/>
  </si>
  <si>
    <t>株式会社　ＫＯコーポレーション</t>
    <rPh sb="0" eb="4">
      <t>カブシキガイシャ</t>
    </rPh>
    <phoneticPr fontId="2"/>
  </si>
  <si>
    <t>toki</t>
  </si>
  <si>
    <t>富山市千石町三丁目7-2</t>
    <rPh sb="0" eb="3">
      <t>トヤマシ</t>
    </rPh>
    <rPh sb="3" eb="6">
      <t>センゴクマチ</t>
    </rPh>
    <rPh sb="6" eb="9">
      <t>サンチョウメ</t>
    </rPh>
    <phoneticPr fontId="2"/>
  </si>
  <si>
    <t>D-BOX田島　C棟C-102</t>
  </si>
  <si>
    <t>株式会社　DECT</t>
    <rPh sb="0" eb="4">
      <t>カブシキガイシャ</t>
    </rPh>
    <phoneticPr fontId="2"/>
  </si>
  <si>
    <t>富山市奥田双葉町1-41</t>
    <rPh sb="0" eb="3">
      <t>トヤマシ</t>
    </rPh>
    <rPh sb="3" eb="5">
      <t>オクダ</t>
    </rPh>
    <rPh sb="5" eb="8">
      <t>フタバチョウ</t>
    </rPh>
    <phoneticPr fontId="2"/>
  </si>
  <si>
    <t>城南パークハイツテナント101号室</t>
    <rPh sb="0" eb="2">
      <t>ジョウナン</t>
    </rPh>
    <rPh sb="15" eb="17">
      <t>ゴウシツ</t>
    </rPh>
    <phoneticPr fontId="2"/>
  </si>
  <si>
    <t>eyelash杢moku.</t>
    <rPh sb="7" eb="8">
      <t>モク</t>
    </rPh>
    <phoneticPr fontId="2"/>
  </si>
  <si>
    <t>BXFVentures合同会社</t>
    <rPh sb="11" eb="13">
      <t>ゴウドウ</t>
    </rPh>
    <rPh sb="13" eb="15">
      <t>ガイシャ</t>
    </rPh>
    <phoneticPr fontId="2"/>
  </si>
  <si>
    <t>MORE hair design</t>
  </si>
  <si>
    <t>JAM RE-NA</t>
  </si>
  <si>
    <t>富山市堀川町293-8</t>
    <rPh sb="0" eb="3">
      <t>トヤマシ</t>
    </rPh>
    <rPh sb="3" eb="6">
      <t>ホリカワマチ</t>
    </rPh>
    <phoneticPr fontId="2"/>
  </si>
  <si>
    <t>富山市北新町一丁目1-10</t>
    <rPh sb="0" eb="3">
      <t>トヤマシ</t>
    </rPh>
    <rPh sb="3" eb="6">
      <t>キタシンマチ</t>
    </rPh>
    <rPh sb="6" eb="9">
      <t>イッチョウメ</t>
    </rPh>
    <phoneticPr fontId="2"/>
  </si>
  <si>
    <t>富山市東石金町12-1　１F</t>
    <rPh sb="0" eb="3">
      <t>トヤマシ</t>
    </rPh>
    <rPh sb="3" eb="4">
      <t>ヒガシ</t>
    </rPh>
    <phoneticPr fontId="2"/>
  </si>
  <si>
    <t>富山市茶屋町426-1</t>
    <rPh sb="0" eb="3">
      <t>トヤマシ</t>
    </rPh>
    <rPh sb="3" eb="6">
      <t>チャヤマチ</t>
    </rPh>
    <phoneticPr fontId="2"/>
  </si>
  <si>
    <t>ｈａｉｒ＆ｓｃａｌｐ　ｃｌｉｎｉｃ　髪神　不二越店</t>
    <rPh sb="21" eb="24">
      <t>フジコシ</t>
    </rPh>
    <rPh sb="24" eb="25">
      <t>テン</t>
    </rPh>
    <phoneticPr fontId="2"/>
  </si>
  <si>
    <t>新潟県上越市木田１丁目８－１７　上越ＯＳビル1Ｆ</t>
    <rPh sb="0" eb="3">
      <t>ニイガタケン</t>
    </rPh>
    <rPh sb="3" eb="6">
      <t>ジョウエツシ</t>
    </rPh>
    <rPh sb="6" eb="8">
      <t>キダ</t>
    </rPh>
    <rPh sb="9" eb="11">
      <t>チョウメ</t>
    </rPh>
    <rPh sb="16" eb="18">
      <t>ジョウエツ</t>
    </rPh>
    <phoneticPr fontId="2"/>
  </si>
  <si>
    <t>富山市太郎丸本町一丁目4-9</t>
  </si>
  <si>
    <t>富山市呉羽町1975</t>
    <rPh sb="0" eb="3">
      <t>トヤマシ</t>
    </rPh>
    <rPh sb="3" eb="5">
      <t>クレハ</t>
    </rPh>
    <rPh sb="5" eb="6">
      <t>マチ</t>
    </rPh>
    <phoneticPr fontId="2"/>
  </si>
  <si>
    <t>Ｌｉｍｉｅｒ</t>
  </si>
  <si>
    <t>富山市新富町一丁目3-22</t>
    <rPh sb="0" eb="3">
      <t>トヤマシ</t>
    </rPh>
    <rPh sb="3" eb="6">
      <t>シントミチョウ</t>
    </rPh>
    <rPh sb="6" eb="9">
      <t>イッチョウメ</t>
    </rPh>
    <phoneticPr fontId="2"/>
  </si>
  <si>
    <t>富山市四ツ葉町18-19</t>
    <rPh sb="0" eb="3">
      <t>トヤマシ</t>
    </rPh>
    <rPh sb="3" eb="4">
      <t>ヨ</t>
    </rPh>
    <rPh sb="5" eb="7">
      <t>バチョウ</t>
    </rPh>
    <phoneticPr fontId="2"/>
  </si>
  <si>
    <t>Elvita四ツ葉町102</t>
    <rPh sb="6" eb="7">
      <t>ヨ</t>
    </rPh>
    <rPh sb="8" eb="10">
      <t>バチョウ</t>
    </rPh>
    <phoneticPr fontId="2"/>
  </si>
  <si>
    <t>ビューティーサロンパール</t>
  </si>
  <si>
    <t>by The salon</t>
  </si>
  <si>
    <t>愛知県岡崎市羽根町字鰻池227-2</t>
    <rPh sb="0" eb="3">
      <t>アイチケン</t>
    </rPh>
    <rPh sb="3" eb="6">
      <t>オカザキシ</t>
    </rPh>
    <rPh sb="6" eb="9">
      <t>ハネチョウ</t>
    </rPh>
    <rPh sb="9" eb="10">
      <t>アザ</t>
    </rPh>
    <rPh sb="10" eb="11">
      <t>ウナギ</t>
    </rPh>
    <rPh sb="11" eb="12">
      <t>イケ</t>
    </rPh>
    <phoneticPr fontId="2"/>
  </si>
  <si>
    <t>富山市八川135-6</t>
    <rPh sb="0" eb="3">
      <t>トヤマシ</t>
    </rPh>
    <rPh sb="3" eb="5">
      <t>ハチカワ</t>
    </rPh>
    <phoneticPr fontId="2"/>
  </si>
  <si>
    <t>gram呉羽店</t>
    <rPh sb="4" eb="6">
      <t>クレハ</t>
    </rPh>
    <rPh sb="6" eb="7">
      <t>テン</t>
    </rPh>
    <phoneticPr fontId="2"/>
  </si>
  <si>
    <t>ベルジュバンス　きらり</t>
  </si>
  <si>
    <t>サンコレクト・G．SECONDビル102　</t>
  </si>
  <si>
    <t>one×one collective</t>
  </si>
  <si>
    <t>Dali</t>
  </si>
  <si>
    <t>富山市秋吉153-14</t>
    <rPh sb="0" eb="3">
      <t>トヤマシ</t>
    </rPh>
    <rPh sb="3" eb="5">
      <t>アキヨシ</t>
    </rPh>
    <phoneticPr fontId="2"/>
  </si>
  <si>
    <t>富山市花園町三丁目７－１７</t>
    <rPh sb="0" eb="3">
      <t>トヤマシ</t>
    </rPh>
    <rPh sb="3" eb="6">
      <t>ハナゾノチョウ</t>
    </rPh>
    <rPh sb="6" eb="9">
      <t>サンチョウメ</t>
    </rPh>
    <phoneticPr fontId="2"/>
  </si>
  <si>
    <t>AYタウンA</t>
  </si>
  <si>
    <t>富山県富山市町村64番地１　ナチュラルビレジ町村2A棟6号室</t>
    <rPh sb="3" eb="6">
      <t>トヤマシ</t>
    </rPh>
    <rPh sb="6" eb="8">
      <t>マチムラ</t>
    </rPh>
    <rPh sb="10" eb="12">
      <t>バンチ</t>
    </rPh>
    <rPh sb="22" eb="24">
      <t>マチムラ</t>
    </rPh>
    <rPh sb="26" eb="27">
      <t>トウ</t>
    </rPh>
    <rPh sb="28" eb="30">
      <t>ゴウシツ</t>
    </rPh>
    <phoneticPr fontId="2"/>
  </si>
  <si>
    <t>one×one HAIR</t>
  </si>
  <si>
    <t>沙花美容室</t>
  </si>
  <si>
    <t>カット＆パーマ　ビーミング</t>
  </si>
  <si>
    <t>富山市大手町２－３　</t>
  </si>
  <si>
    <t>富山全日空ホテル２Ｆ</t>
  </si>
  <si>
    <t>富山市西中野本町2-17</t>
    <rPh sb="0" eb="3">
      <t>トヤマシ</t>
    </rPh>
    <rPh sb="3" eb="6">
      <t>ニシナカノ</t>
    </rPh>
    <rPh sb="6" eb="8">
      <t>ホンマチ</t>
    </rPh>
    <phoneticPr fontId="2"/>
  </si>
  <si>
    <t>トキワビル</t>
  </si>
  <si>
    <t>レジデンス牛島１F</t>
    <rPh sb="5" eb="7">
      <t>ウシジマ</t>
    </rPh>
    <phoneticPr fontId="2"/>
  </si>
  <si>
    <t>サクセス1</t>
  </si>
  <si>
    <t>東京都新宿区新宿三丁目22番2号新宿サンパークANNEX5F</t>
    <rPh sb="0" eb="3">
      <t>トウキョウト</t>
    </rPh>
    <rPh sb="3" eb="6">
      <t>シンジュクク</t>
    </rPh>
    <rPh sb="6" eb="8">
      <t>シンジュク</t>
    </rPh>
    <rPh sb="8" eb="11">
      <t>サンチョウメ</t>
    </rPh>
    <rPh sb="13" eb="14">
      <t>バン</t>
    </rPh>
    <rPh sb="15" eb="16">
      <t>ゴウ</t>
    </rPh>
    <rPh sb="16" eb="18">
      <t>シンジュク</t>
    </rPh>
    <phoneticPr fontId="2"/>
  </si>
  <si>
    <t>富山市五艘383-25</t>
    <rPh sb="0" eb="3">
      <t>トヤマシ</t>
    </rPh>
    <rPh sb="3" eb="5">
      <t>ゴソウ</t>
    </rPh>
    <phoneticPr fontId="2"/>
  </si>
  <si>
    <t>enoa</t>
  </si>
  <si>
    <t>ヴィーア・ラッテア3号</t>
    <rPh sb="10" eb="11">
      <t>ゴウ</t>
    </rPh>
    <phoneticPr fontId="2"/>
  </si>
  <si>
    <t>株式会社belect</t>
    <rPh sb="0" eb="4">
      <t>カブシキガイシャ</t>
    </rPh>
    <phoneticPr fontId="2"/>
  </si>
  <si>
    <t>富山市布瀬町南二丁目10-14　1F</t>
    <rPh sb="0" eb="3">
      <t>トヤマシ</t>
    </rPh>
    <rPh sb="3" eb="5">
      <t>ヌノセ</t>
    </rPh>
    <rPh sb="5" eb="6">
      <t>マチ</t>
    </rPh>
    <rPh sb="6" eb="7">
      <t>ミナミ</t>
    </rPh>
    <rPh sb="7" eb="10">
      <t>ニチョウメ</t>
    </rPh>
    <phoneticPr fontId="2"/>
  </si>
  <si>
    <t>relaxu hair（リラージュヘア）</t>
  </si>
  <si>
    <t>富山市堀川本郷15番地136</t>
    <rPh sb="0" eb="3">
      <t>トヤマシ</t>
    </rPh>
    <rPh sb="3" eb="5">
      <t>ホリカワ</t>
    </rPh>
    <rPh sb="5" eb="7">
      <t>ホンゴウ</t>
    </rPh>
    <rPh sb="9" eb="11">
      <t>バンチ</t>
    </rPh>
    <phoneticPr fontId="2"/>
  </si>
  <si>
    <t>富山市月岡西緑町488</t>
    <rPh sb="0" eb="3">
      <t>トヤマシ</t>
    </rPh>
    <rPh sb="3" eb="5">
      <t>ツキオカ</t>
    </rPh>
    <rPh sb="5" eb="6">
      <t>ニシ</t>
    </rPh>
    <rPh sb="6" eb="7">
      <t>ミドリ</t>
    </rPh>
    <rPh sb="7" eb="8">
      <t>マチ</t>
    </rPh>
    <phoneticPr fontId="2"/>
  </si>
  <si>
    <t>株式会社Fululu</t>
    <rPh sb="0" eb="4">
      <t>カブシキガイシャ</t>
    </rPh>
    <phoneticPr fontId="2"/>
  </si>
  <si>
    <t>富山市西公文名町5-32</t>
    <rPh sb="0" eb="3">
      <t>トヤマシ</t>
    </rPh>
    <rPh sb="3" eb="4">
      <t>ニシ</t>
    </rPh>
    <rPh sb="4" eb="6">
      <t>クモン</t>
    </rPh>
    <rPh sb="6" eb="7">
      <t>ナ</t>
    </rPh>
    <rPh sb="7" eb="8">
      <t>マチ</t>
    </rPh>
    <phoneticPr fontId="2"/>
  </si>
  <si>
    <t>ニレ</t>
  </si>
  <si>
    <t>富山市田刈屋86-12</t>
    <rPh sb="0" eb="3">
      <t>トヤマシ</t>
    </rPh>
    <rPh sb="3" eb="6">
      <t>タカリヤ</t>
    </rPh>
    <phoneticPr fontId="2"/>
  </si>
  <si>
    <t>富山市上袋660-2　1Ｆ</t>
    <rPh sb="0" eb="3">
      <t>トヤマシ</t>
    </rPh>
    <rPh sb="3" eb="5">
      <t>カミブクロ</t>
    </rPh>
    <phoneticPr fontId="2"/>
  </si>
  <si>
    <t>株式会社Arrow's</t>
    <rPh sb="0" eb="4">
      <t>カブシキガイシャ</t>
    </rPh>
    <phoneticPr fontId="2"/>
  </si>
  <si>
    <t>i CELEA</t>
  </si>
  <si>
    <t>nork</t>
  </si>
  <si>
    <t>富山市黒瀬北町二丁目7-8</t>
    <rPh sb="0" eb="3">
      <t>トヤマシ</t>
    </rPh>
    <rPh sb="3" eb="5">
      <t>クロセ</t>
    </rPh>
    <rPh sb="5" eb="7">
      <t>キタマチ</t>
    </rPh>
    <rPh sb="7" eb="10">
      <t>ニチョウメ</t>
    </rPh>
    <phoneticPr fontId="2"/>
  </si>
  <si>
    <t>ｏｎｅ×ｏｎｅ　hair２</t>
  </si>
  <si>
    <t>富山市三室荒屋876-8</t>
    <rPh sb="3" eb="5">
      <t>ミムロ</t>
    </rPh>
    <rPh sb="5" eb="7">
      <t>アラヤ</t>
    </rPh>
    <phoneticPr fontId="2"/>
  </si>
  <si>
    <t>富山市八尾町小長谷6392-1</t>
    <rPh sb="0" eb="3">
      <t>トヤマシ</t>
    </rPh>
    <rPh sb="3" eb="5">
      <t>ヤオ</t>
    </rPh>
    <rPh sb="5" eb="6">
      <t>マチ</t>
    </rPh>
    <rPh sb="6" eb="7">
      <t>コ</t>
    </rPh>
    <rPh sb="7" eb="9">
      <t>ナガタニ</t>
    </rPh>
    <phoneticPr fontId="2"/>
  </si>
  <si>
    <t>Ｅｐｕｒｅｒ</t>
  </si>
  <si>
    <t>黒田商事株式会社</t>
    <rPh sb="0" eb="2">
      <t>クロダ</t>
    </rPh>
    <rPh sb="2" eb="4">
      <t>ショウジ</t>
    </rPh>
    <rPh sb="4" eb="8">
      <t>カブシキガイシャ</t>
    </rPh>
    <phoneticPr fontId="2"/>
  </si>
  <si>
    <t>株式会社　Ｅｉｇｈｔ</t>
  </si>
  <si>
    <t>富山市本郷町201-4</t>
    <rPh sb="0" eb="3">
      <t>トヤマシ</t>
    </rPh>
    <rPh sb="3" eb="5">
      <t>ホンゴウ</t>
    </rPh>
    <rPh sb="5" eb="6">
      <t>マチ</t>
    </rPh>
    <phoneticPr fontId="2"/>
  </si>
  <si>
    <t>Enuke</t>
  </si>
  <si>
    <t>富山市石金一丁目4-5</t>
    <rPh sb="0" eb="3">
      <t>トヤマシ</t>
    </rPh>
    <rPh sb="3" eb="5">
      <t>イシガネ</t>
    </rPh>
    <rPh sb="5" eb="8">
      <t>イッチョウメ</t>
    </rPh>
    <phoneticPr fontId="2"/>
  </si>
  <si>
    <t>富山市稲荷町三丁目6番8号</t>
    <rPh sb="0" eb="3">
      <t>トヤマシ</t>
    </rPh>
    <rPh sb="3" eb="6">
      <t>イナリマチ</t>
    </rPh>
    <rPh sb="6" eb="9">
      <t>サンチョウメ</t>
    </rPh>
    <rPh sb="10" eb="11">
      <t>バン</t>
    </rPh>
    <rPh sb="12" eb="13">
      <t>ゴウ</t>
    </rPh>
    <phoneticPr fontId="2"/>
  </si>
  <si>
    <t>Chiara luce</t>
  </si>
  <si>
    <t>レジデンスミカ203</t>
  </si>
  <si>
    <t>富山市呉羽町1229</t>
    <rPh sb="0" eb="3">
      <t>トヤマシ</t>
    </rPh>
    <rPh sb="3" eb="6">
      <t>クレハマチ</t>
    </rPh>
    <phoneticPr fontId="2"/>
  </si>
  <si>
    <t>富山市荒川新町4番17</t>
    <rPh sb="0" eb="3">
      <t>トヤマシ</t>
    </rPh>
    <rPh sb="3" eb="5">
      <t>アラカワ</t>
    </rPh>
    <rPh sb="5" eb="7">
      <t>シンマチ</t>
    </rPh>
    <rPh sb="8" eb="9">
      <t>バン</t>
    </rPh>
    <phoneticPr fontId="2"/>
  </si>
  <si>
    <t>Beauty Salon BARONIWA</t>
  </si>
  <si>
    <t>Amu.</t>
  </si>
  <si>
    <t>富山市清水中町3-14</t>
    <rPh sb="0" eb="3">
      <t>トヤマシ</t>
    </rPh>
    <rPh sb="3" eb="5">
      <t>シミズ</t>
    </rPh>
    <rPh sb="5" eb="7">
      <t>ナカマチ</t>
    </rPh>
    <phoneticPr fontId="2"/>
  </si>
  <si>
    <t>Vivace</t>
  </si>
  <si>
    <t>富山市秋吉47-1</t>
    <rPh sb="0" eb="3">
      <t>トヤマシ</t>
    </rPh>
    <rPh sb="3" eb="5">
      <t>アキヨシ</t>
    </rPh>
    <phoneticPr fontId="2"/>
  </si>
  <si>
    <t>Rose Belle</t>
  </si>
  <si>
    <t>Lunoa</t>
  </si>
  <si>
    <t>富山市秋吉114-13</t>
    <rPh sb="0" eb="3">
      <t>トヤマシ</t>
    </rPh>
    <rPh sb="3" eb="5">
      <t>アキヨシ</t>
    </rPh>
    <phoneticPr fontId="2"/>
  </si>
  <si>
    <t>株式会社Rector</t>
    <rPh sb="0" eb="4">
      <t>カブシキガイシャ</t>
    </rPh>
    <phoneticPr fontId="2"/>
  </si>
  <si>
    <t>富山市呉羽町6987</t>
    <rPh sb="5" eb="6">
      <t>マチ</t>
    </rPh>
    <phoneticPr fontId="2"/>
  </si>
  <si>
    <t>きいろとみどりとniwa</t>
  </si>
  <si>
    <t>富山市悪王寺213</t>
    <rPh sb="0" eb="3">
      <t>トヤマシ</t>
    </rPh>
    <rPh sb="3" eb="4">
      <t>アク</t>
    </rPh>
    <rPh sb="4" eb="5">
      <t>オウ</t>
    </rPh>
    <rPh sb="5" eb="6">
      <t>テラ</t>
    </rPh>
    <phoneticPr fontId="2"/>
  </si>
  <si>
    <t>富山市堀川町804</t>
    <rPh sb="3" eb="6">
      <t>ホリカワマチ</t>
    </rPh>
    <phoneticPr fontId="2"/>
  </si>
  <si>
    <t>富山市五福1396</t>
    <rPh sb="0" eb="3">
      <t>トヤマシ</t>
    </rPh>
    <rPh sb="3" eb="5">
      <t>ゴフク</t>
    </rPh>
    <phoneticPr fontId="2"/>
  </si>
  <si>
    <t>株式会社mezon</t>
    <rPh sb="0" eb="4">
      <t>カブシキガイシャ</t>
    </rPh>
    <phoneticPr fontId="2"/>
  </si>
  <si>
    <t>美楽來堂　ビューティーサロン</t>
    <rPh sb="0" eb="1">
      <t>ビ</t>
    </rPh>
    <rPh sb="1" eb="2">
      <t>ラク</t>
    </rPh>
    <rPh sb="2" eb="3">
      <t>ク</t>
    </rPh>
    <rPh sb="3" eb="4">
      <t>ドウ</t>
    </rPh>
    <phoneticPr fontId="2"/>
  </si>
  <si>
    <t>富山市八尾町下新町118</t>
    <rPh sb="0" eb="3">
      <t>トヤマシ</t>
    </rPh>
    <rPh sb="3" eb="6">
      <t>ヤツオマチ</t>
    </rPh>
    <rPh sb="6" eb="7">
      <t>シモ</t>
    </rPh>
    <rPh sb="7" eb="9">
      <t>シンマチ</t>
    </rPh>
    <phoneticPr fontId="2"/>
  </si>
  <si>
    <t>富山市婦中町笹倉200番地1　落合橋ビル1階-A</t>
    <rPh sb="0" eb="3">
      <t>トヤマシ</t>
    </rPh>
    <rPh sb="3" eb="6">
      <t>フチュウマチ</t>
    </rPh>
    <rPh sb="6" eb="8">
      <t>ササクラ</t>
    </rPh>
    <rPh sb="11" eb="13">
      <t>バンチ</t>
    </rPh>
    <rPh sb="15" eb="17">
      <t>オチアイ</t>
    </rPh>
    <rPh sb="17" eb="18">
      <t>バシ</t>
    </rPh>
    <rPh sb="21" eb="22">
      <t>カイ</t>
    </rPh>
    <phoneticPr fontId="2"/>
  </si>
  <si>
    <t>富山市経堂四丁目2-7</t>
    <rPh sb="0" eb="3">
      <t>トヤマシ</t>
    </rPh>
    <rPh sb="3" eb="5">
      <t>キョウドウ</t>
    </rPh>
    <rPh sb="5" eb="8">
      <t>ヨンチョウメ</t>
    </rPh>
    <phoneticPr fontId="2"/>
  </si>
  <si>
    <t>富山市経堂四丁目2-7</t>
  </si>
  <si>
    <t>楚々　堀川店</t>
    <rPh sb="0" eb="2">
      <t>ソソ</t>
    </rPh>
    <rPh sb="3" eb="5">
      <t>ホリカワ</t>
    </rPh>
    <rPh sb="5" eb="6">
      <t>ミセ</t>
    </rPh>
    <phoneticPr fontId="2"/>
  </si>
  <si>
    <t>所在地</t>
    <phoneticPr fontId="2"/>
  </si>
  <si>
    <t>ビル名</t>
    <phoneticPr fontId="2"/>
  </si>
  <si>
    <t>確認番号</t>
    <phoneticPr fontId="2"/>
  </si>
  <si>
    <t>施設名</t>
    <rPh sb="0" eb="2">
      <t>シセツ</t>
    </rPh>
    <rPh sb="2" eb="3">
      <t>ナ</t>
    </rPh>
    <phoneticPr fontId="2"/>
  </si>
  <si>
    <t>営業者名</t>
    <rPh sb="0" eb="3">
      <t>エイギョウシャ</t>
    </rPh>
    <rPh sb="3" eb="4">
      <t>ナ</t>
    </rPh>
    <phoneticPr fontId="2"/>
  </si>
  <si>
    <t>営業者住所</t>
    <rPh sb="0" eb="3">
      <t>エイギョウシャ</t>
    </rPh>
    <rPh sb="3" eb="5">
      <t>ジュウショ</t>
    </rPh>
    <phoneticPr fontId="2"/>
  </si>
  <si>
    <t>開設日年月日</t>
    <rPh sb="0" eb="3">
      <t>カイセツビ</t>
    </rPh>
    <rPh sb="3" eb="6">
      <t>ネンツキヒ</t>
    </rPh>
    <phoneticPr fontId="2"/>
  </si>
  <si>
    <r>
      <t>hair &amp; scalp Lilium</t>
    </r>
    <r>
      <rPr>
        <sz val="8"/>
        <color theme="1"/>
        <rFont val="BIZ UDP明朝 Medium"/>
        <family val="1"/>
        <charset val="128"/>
      </rPr>
      <t>（ヘアアンドスキャルプ　リリウム）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2">
    <numFmt numFmtId="176" formatCode="[$-411]ge\.m\.d;@"/>
    <numFmt numFmtId="177" formatCode="0_);[Red]\(0\)"/>
  </numFmts>
  <fonts count="5" x14ac:knownFonts="1"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  <scheme val="minor"/>
    </font>
    <font>
      <sz val="6"/>
      <name val="ＭＳ Ｐゴシック"/>
      <family val="3"/>
      <scheme val="minor"/>
    </font>
    <font>
      <sz val="11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60">
    <xf numFmtId="0" fontId="0" fillId="0" borderId="0" xfId="0"/>
    <xf numFmtId="0" fontId="0" fillId="0" borderId="0" xfId="0" applyFill="1" applyAlignment="1">
      <alignment shrinkToFit="1"/>
    </xf>
    <xf numFmtId="177" fontId="0" fillId="0" borderId="0" xfId="0" applyNumberFormat="1" applyAlignment="1">
      <alignment shrinkToFit="1"/>
    </xf>
    <xf numFmtId="0" fontId="0" fillId="0" borderId="0" xfId="0" applyFill="1" applyAlignment="1"/>
    <xf numFmtId="0" fontId="0" fillId="0" borderId="0" xfId="0" applyFill="1"/>
    <xf numFmtId="0" fontId="0" fillId="0" borderId="1" xfId="0" applyBorder="1"/>
    <xf numFmtId="0" fontId="0" fillId="0" borderId="0" xfId="0" applyBorder="1"/>
    <xf numFmtId="0" fontId="0" fillId="2" borderId="0" xfId="0" applyFill="1"/>
    <xf numFmtId="0" fontId="0" fillId="0" borderId="0" xfId="0" applyFill="1" applyBorder="1" applyAlignment="1"/>
    <xf numFmtId="0" fontId="3" fillId="0" borderId="4" xfId="0" applyFont="1" applyFill="1" applyBorder="1" applyAlignment="1">
      <alignment shrinkToFit="1"/>
    </xf>
    <xf numFmtId="176" fontId="3" fillId="0" borderId="4" xfId="0" applyNumberFormat="1" applyFont="1" applyFill="1" applyBorder="1" applyAlignment="1">
      <alignment shrinkToFit="1"/>
    </xf>
    <xf numFmtId="0" fontId="3" fillId="0" borderId="4" xfId="0" applyNumberFormat="1" applyFont="1" applyFill="1" applyBorder="1" applyAlignment="1" applyProtection="1">
      <alignment horizontal="left" shrinkToFit="1"/>
    </xf>
    <xf numFmtId="0" fontId="3" fillId="0" borderId="2" xfId="0" applyFont="1" applyFill="1" applyBorder="1" applyAlignment="1">
      <alignment shrinkToFit="1"/>
    </xf>
    <xf numFmtId="176" fontId="3" fillId="0" borderId="2" xfId="0" applyNumberFormat="1" applyFont="1" applyFill="1" applyBorder="1" applyAlignment="1">
      <alignment shrinkToFit="1"/>
    </xf>
    <xf numFmtId="0" fontId="3" fillId="0" borderId="2" xfId="0" applyNumberFormat="1" applyFont="1" applyFill="1" applyBorder="1" applyAlignment="1" applyProtection="1">
      <alignment horizontal="right" shrinkToFit="1"/>
    </xf>
    <xf numFmtId="176" fontId="3" fillId="0" borderId="2" xfId="0" applyNumberFormat="1" applyFont="1" applyFill="1" applyBorder="1" applyAlignment="1" applyProtection="1">
      <alignment vertical="center" shrinkToFit="1"/>
    </xf>
    <xf numFmtId="57" fontId="3" fillId="0" borderId="2" xfId="0" applyNumberFormat="1" applyFont="1" applyFill="1" applyBorder="1" applyAlignment="1">
      <alignment horizontal="right" shrinkToFit="1"/>
    </xf>
    <xf numFmtId="0" fontId="3" fillId="0" borderId="0" xfId="0" applyFont="1" applyFill="1" applyBorder="1" applyAlignment="1">
      <alignment shrinkToFit="1"/>
    </xf>
    <xf numFmtId="57" fontId="3" fillId="0" borderId="0" xfId="0" applyNumberFormat="1" applyFont="1" applyFill="1" applyBorder="1" applyAlignment="1">
      <alignment horizontal="right" shrinkToFit="1"/>
    </xf>
    <xf numFmtId="0" fontId="3" fillId="0" borderId="0" xfId="0" applyNumberFormat="1" applyFont="1" applyFill="1" applyBorder="1" applyAlignment="1" applyProtection="1">
      <alignment horizontal="right" shrinkToFit="1"/>
    </xf>
    <xf numFmtId="176" fontId="3" fillId="0" borderId="4" xfId="0" applyNumberFormat="1" applyFont="1" applyFill="1" applyBorder="1" applyAlignment="1" applyProtection="1">
      <alignment vertical="center" shrinkToFit="1"/>
    </xf>
    <xf numFmtId="0" fontId="3" fillId="0" borderId="4" xfId="0" applyNumberFormat="1" applyFont="1" applyFill="1" applyBorder="1" applyAlignment="1" applyProtection="1">
      <alignment horizontal="right" shrinkToFit="1"/>
    </xf>
    <xf numFmtId="176" fontId="3" fillId="0" borderId="2" xfId="0" applyNumberFormat="1" applyFont="1" applyFill="1" applyBorder="1" applyAlignment="1" applyProtection="1"/>
    <xf numFmtId="176" fontId="3" fillId="0" borderId="3" xfId="0" applyNumberFormat="1" applyFont="1" applyFill="1" applyBorder="1" applyAlignment="1" applyProtection="1"/>
    <xf numFmtId="176" fontId="3" fillId="0" borderId="3" xfId="0" applyNumberFormat="1" applyFont="1" applyFill="1" applyBorder="1" applyAlignment="1" applyProtection="1">
      <alignment shrinkToFit="1"/>
    </xf>
    <xf numFmtId="176" fontId="3" fillId="0" borderId="0" xfId="0" applyNumberFormat="1" applyFont="1" applyFill="1" applyBorder="1" applyAlignment="1">
      <alignment vertical="center" shrinkToFit="1"/>
    </xf>
    <xf numFmtId="0" fontId="3" fillId="0" borderId="3" xfId="0" applyFont="1" applyFill="1" applyBorder="1" applyAlignment="1">
      <alignment shrinkToFit="1"/>
    </xf>
    <xf numFmtId="0" fontId="3" fillId="0" borderId="1" xfId="0" applyFont="1" applyFill="1" applyBorder="1" applyAlignment="1">
      <alignment shrinkToFit="1"/>
    </xf>
    <xf numFmtId="176" fontId="3" fillId="0" borderId="0" xfId="0" applyNumberFormat="1" applyFont="1" applyFill="1" applyBorder="1" applyAlignment="1">
      <alignment shrinkToFit="1"/>
    </xf>
    <xf numFmtId="176" fontId="3" fillId="0" borderId="3" xfId="0" applyNumberFormat="1" applyFont="1" applyFill="1" applyBorder="1" applyAlignment="1">
      <alignment shrinkToFit="1"/>
    </xf>
    <xf numFmtId="0" fontId="3" fillId="0" borderId="3" xfId="0" applyNumberFormat="1" applyFont="1" applyFill="1" applyBorder="1" applyAlignment="1" applyProtection="1">
      <alignment horizontal="right" shrinkToFit="1"/>
    </xf>
    <xf numFmtId="9" fontId="3" fillId="0" borderId="3" xfId="0" applyNumberFormat="1" applyFont="1" applyFill="1" applyBorder="1" applyAlignment="1">
      <alignment horizontal="left" shrinkToFit="1"/>
    </xf>
    <xf numFmtId="57" fontId="3" fillId="0" borderId="3" xfId="0" applyNumberFormat="1" applyFont="1" applyFill="1" applyBorder="1" applyAlignment="1">
      <alignment horizontal="right" shrinkToFit="1"/>
    </xf>
    <xf numFmtId="176" fontId="3" fillId="0" borderId="3" xfId="0" applyNumberFormat="1" applyFont="1" applyFill="1" applyBorder="1" applyAlignment="1">
      <alignment horizontal="right" shrinkToFit="1"/>
    </xf>
    <xf numFmtId="0" fontId="3" fillId="0" borderId="3" xfId="0" applyNumberFormat="1" applyFont="1" applyFill="1" applyBorder="1" applyAlignment="1">
      <alignment horizontal="right" shrinkToFit="1"/>
    </xf>
    <xf numFmtId="0" fontId="3" fillId="0" borderId="2" xfId="0" applyFont="1" applyFill="1" applyBorder="1" applyAlignment="1"/>
    <xf numFmtId="176" fontId="3" fillId="0" borderId="1" xfId="0" applyNumberFormat="1" applyFont="1" applyFill="1" applyBorder="1" applyAlignment="1" applyProtection="1">
      <alignment shrinkToFit="1"/>
    </xf>
    <xf numFmtId="176" fontId="3" fillId="0" borderId="1" xfId="0" applyNumberFormat="1" applyFont="1" applyFill="1" applyBorder="1" applyAlignment="1" applyProtection="1"/>
    <xf numFmtId="0" fontId="3" fillId="0" borderId="3" xfId="0" applyFont="1" applyFill="1" applyBorder="1" applyAlignment="1"/>
    <xf numFmtId="0" fontId="3" fillId="0" borderId="1" xfId="0" applyNumberFormat="1" applyFont="1" applyFill="1" applyBorder="1" applyAlignment="1">
      <alignment horizontal="right"/>
    </xf>
    <xf numFmtId="0" fontId="3" fillId="0" borderId="3" xfId="0" applyNumberFormat="1" applyFont="1" applyFill="1" applyBorder="1" applyAlignment="1">
      <alignment horizontal="right"/>
    </xf>
    <xf numFmtId="0" fontId="3" fillId="0" borderId="1" xfId="0" applyNumberFormat="1" applyFont="1" applyFill="1" applyBorder="1" applyAlignment="1">
      <alignment horizontal="right" shrinkToFit="1"/>
    </xf>
    <xf numFmtId="0" fontId="3" fillId="0" borderId="0" xfId="0" applyFont="1" applyFill="1" applyAlignment="1">
      <alignment shrinkToFit="1"/>
    </xf>
    <xf numFmtId="177" fontId="3" fillId="0" borderId="0" xfId="0" applyNumberFormat="1" applyFont="1" applyAlignment="1">
      <alignment shrinkToFit="1"/>
    </xf>
    <xf numFmtId="0" fontId="3" fillId="0" borderId="7" xfId="0" applyFont="1" applyFill="1" applyBorder="1" applyAlignment="1">
      <alignment shrinkToFit="1"/>
    </xf>
    <xf numFmtId="0" fontId="3" fillId="0" borderId="8" xfId="0" applyFont="1" applyFill="1" applyBorder="1" applyAlignment="1">
      <alignment shrinkToFit="1"/>
    </xf>
    <xf numFmtId="49" fontId="3" fillId="0" borderId="8" xfId="0" applyNumberFormat="1" applyFont="1" applyFill="1" applyBorder="1" applyAlignment="1">
      <alignment shrinkToFit="1"/>
    </xf>
    <xf numFmtId="0" fontId="3" fillId="0" borderId="9" xfId="0" applyFont="1" applyFill="1" applyBorder="1" applyAlignment="1">
      <alignment shrinkToFit="1"/>
    </xf>
    <xf numFmtId="0" fontId="3" fillId="0" borderId="8" xfId="0" applyFont="1" applyFill="1" applyBorder="1" applyAlignment="1"/>
    <xf numFmtId="0" fontId="3" fillId="0" borderId="9" xfId="0" applyFont="1" applyFill="1" applyBorder="1" applyAlignment="1"/>
    <xf numFmtId="0" fontId="3" fillId="0" borderId="10" xfId="0" applyFont="1" applyFill="1" applyBorder="1" applyAlignment="1">
      <alignment shrinkToFit="1"/>
    </xf>
    <xf numFmtId="0" fontId="3" fillId="0" borderId="11" xfId="0" applyFont="1" applyFill="1" applyBorder="1" applyAlignment="1">
      <alignment shrinkToFit="1"/>
    </xf>
    <xf numFmtId="0" fontId="3" fillId="0" borderId="12" xfId="0" applyFont="1" applyFill="1" applyBorder="1" applyAlignment="1">
      <alignment shrinkToFit="1"/>
    </xf>
    <xf numFmtId="57" fontId="3" fillId="0" borderId="12" xfId="0" applyNumberFormat="1" applyFont="1" applyFill="1" applyBorder="1" applyAlignment="1">
      <alignment shrinkToFit="1"/>
    </xf>
    <xf numFmtId="0" fontId="3" fillId="0" borderId="6" xfId="0" applyFont="1" applyFill="1" applyBorder="1" applyAlignment="1">
      <alignment shrinkToFit="1"/>
    </xf>
    <xf numFmtId="0" fontId="3" fillId="0" borderId="5" xfId="0" applyFont="1" applyFill="1" applyBorder="1" applyAlignment="1">
      <alignment shrinkToFit="1"/>
    </xf>
    <xf numFmtId="0" fontId="3" fillId="0" borderId="12" xfId="0" applyFont="1" applyFill="1" applyBorder="1" applyAlignment="1"/>
    <xf numFmtId="0" fontId="3" fillId="0" borderId="5" xfId="0" applyFont="1" applyFill="1" applyBorder="1" applyAlignment="1"/>
    <xf numFmtId="0" fontId="0" fillId="0" borderId="0" xfId="0" applyFill="1" applyBorder="1"/>
    <xf numFmtId="0" fontId="3" fillId="0" borderId="0" xfId="0" applyNumberFormat="1" applyFont="1" applyFill="1" applyAlignment="1">
      <alignment shrinkToFit="1"/>
    </xf>
  </cellXfs>
  <cellStyles count="2">
    <cellStyle name="標準" xfId="0" builtinId="0"/>
    <cellStyle name="標準 3" xfId="1" xr:uid="{00000000-0005-0000-0000-000001000000}"/>
  </cellStyles>
  <dxfs count="12">
    <dxf>
      <font>
        <strike val="0"/>
        <outline val="0"/>
        <shadow val="0"/>
        <u val="none"/>
        <vertAlign val="baseline"/>
        <color theme="1"/>
        <name val="BIZ UDP明朝 Medium"/>
        <family val="1"/>
        <charset val="128"/>
        <scheme val="none"/>
      </font>
      <numFmt numFmtId="0" formatCode="General"/>
      <fill>
        <patternFill patternType="none">
          <fgColor indexed="64"/>
          <bgColor indexed="65"/>
        </patternFill>
      </fill>
      <alignment horizontal="right" vertical="bottom" readingOrder="0"/>
      <border outline="0">
        <left style="thin">
          <color auto="1"/>
        </left>
        <right style="thin">
          <color auto="1"/>
        </right>
        <top style="thin">
          <color auto="1"/>
        </top>
        <bottom/>
      </border>
    </dxf>
    <dxf>
      <font>
        <strike val="0"/>
        <outline val="0"/>
        <shadow val="0"/>
        <u val="none"/>
        <vertAlign val="baseline"/>
        <color theme="1"/>
        <name val="BIZ UDP明朝 Medium"/>
        <family val="1"/>
        <charset val="128"/>
        <scheme val="none"/>
      </font>
      <numFmt numFmtId="176" formatCode="[$-411]ge\.m\.d;@"/>
      <fill>
        <patternFill patternType="none">
          <fgColor indexed="64"/>
          <bgColor indexed="65"/>
        </patternFill>
      </fill>
      <alignment vertical="bottom" readingOrder="0"/>
      <border outline="0">
        <left style="thin">
          <color auto="1"/>
        </left>
        <right style="thin">
          <color auto="1"/>
        </right>
        <top style="thin">
          <color auto="1"/>
        </top>
        <bottom/>
      </border>
      <protection locked="1" hidden="0"/>
    </dxf>
    <dxf>
      <font>
        <strike val="0"/>
        <outline val="0"/>
        <shadow val="0"/>
        <u val="none"/>
        <vertAlign val="baseline"/>
        <color theme="1"/>
        <name val="BIZ UDP明朝 Medium"/>
        <family val="1"/>
        <charset val="128"/>
        <scheme val="none"/>
      </font>
      <fill>
        <patternFill patternType="none">
          <fgColor indexed="64"/>
          <bgColor indexed="65"/>
        </patternFill>
      </fill>
      <alignment vertical="bottom" readingOrder="0"/>
      <border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strike val="0"/>
        <outline val="0"/>
        <shadow val="0"/>
        <u val="none"/>
        <vertAlign val="baseline"/>
        <color theme="1"/>
        <name val="BIZ UDP明朝 Medium"/>
        <family val="1"/>
        <charset val="128"/>
        <scheme val="none"/>
      </font>
      <fill>
        <patternFill patternType="none">
          <fgColor indexed="64"/>
          <bgColor indexed="65"/>
        </patternFill>
      </fill>
      <alignment vertical="bottom" readingOrder="0"/>
      <border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strike val="0"/>
        <outline val="0"/>
        <shadow val="0"/>
        <u val="none"/>
        <vertAlign val="baseline"/>
        <color theme="1"/>
        <name val="BIZ UDP明朝 Medium"/>
        <family val="1"/>
        <charset val="128"/>
        <scheme val="none"/>
      </font>
      <fill>
        <patternFill patternType="none">
          <fgColor indexed="64"/>
          <bgColor indexed="65"/>
        </patternFill>
      </fill>
      <alignment vertical="bottom" readingOrder="0"/>
      <border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strike val="0"/>
        <outline val="0"/>
        <shadow val="0"/>
        <u val="none"/>
        <vertAlign val="baseline"/>
        <color theme="1"/>
        <name val="BIZ UDP明朝 Medium"/>
        <family val="1"/>
        <charset val="128"/>
        <scheme val="none"/>
      </font>
      <fill>
        <patternFill patternType="none">
          <fgColor indexed="64"/>
          <bgColor indexed="65"/>
        </patternFill>
      </fill>
      <alignment vertical="bottom" readingOrder="0"/>
      <border diagonalUp="0" diagonalDown="0">
        <left style="thin">
          <color auto="1"/>
        </left>
        <right/>
        <top style="thin">
          <color auto="1"/>
        </top>
        <bottom style="thin">
          <color auto="1"/>
        </bottom>
        <vertical/>
      </border>
    </dxf>
    <dxf>
      <font>
        <strike val="0"/>
        <outline val="0"/>
        <shadow val="0"/>
        <u val="none"/>
        <vertAlign val="baseline"/>
        <color theme="1"/>
        <name val="BIZ UDP明朝 Medium"/>
        <family val="1"/>
        <charset val="128"/>
        <scheme val="none"/>
      </font>
      <fill>
        <patternFill patternType="none">
          <fgColor indexed="64"/>
          <bgColor indexed="65"/>
        </patternFill>
      </fill>
      <alignment vertical="bottom" readingOrder="0"/>
      <border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border>
        <left style="thin">
          <color auto="1"/>
        </left>
        <top style="thin">
          <color auto="1"/>
        </top>
      </border>
    </dxf>
    <dxf>
      <font>
        <strike val="0"/>
        <outline val="0"/>
        <shadow val="0"/>
        <u val="none"/>
        <vertAlign val="baseline"/>
        <color theme="1"/>
        <name val="BIZ UDP明朝 Medium"/>
        <family val="1"/>
        <charset val="128"/>
        <scheme val="none"/>
      </font>
      <fill>
        <patternFill patternType="none">
          <fgColor indexed="64"/>
          <bgColor indexed="65"/>
        </patternFill>
      </fill>
      <alignment vertical="bottom" readingOrder="0"/>
    </dxf>
    <dxf>
      <border>
        <bottom style="thin">
          <color auto="1"/>
        </bottom>
      </border>
    </dxf>
    <dxf>
      <font>
        <strike val="0"/>
        <outline val="0"/>
        <shadow val="0"/>
        <u val="none"/>
        <vertAlign val="baseline"/>
        <color theme="1"/>
        <name val="BIZ UDP明朝 Medium"/>
        <family val="1"/>
        <charset val="128"/>
        <scheme val="none"/>
      </font>
      <fill>
        <patternFill patternType="none">
          <fgColor indexed="64"/>
          <bgColor auto="1"/>
        </patternFill>
      </fill>
      <alignment vertical="bottom" shrinkToFit="1" readingOrder="0"/>
      <border outline="0">
        <left style="thin">
          <color auto="1"/>
        </left>
        <right style="thin">
          <color auto="1"/>
        </right>
        <top/>
        <bottom/>
      </border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 style="thin">
          <color auto="1"/>
        </vertical>
        <horizontal style="thin">
          <color auto="1"/>
        </horizontal>
      </border>
    </dxf>
  </dxfs>
  <tableStyles count="1" defaultTableStyle="TableStyleMedium9" defaultPivotStyle="PivotStyleLight16">
    <tableStyle name="テーブル スタイル 1" pivot="0" count="1" xr9:uid="{00000000-0011-0000-FFFF-FFFF00000000}">
      <tableStyleElement type="wholeTable" dxfId="11"/>
    </tableStyle>
  </tableStyles>
  <colors>
    <mruColors>
      <color rgb="FFFFE9E9"/>
      <color rgb="FFFFE9FF"/>
      <color rgb="FFFFFAFA"/>
      <color rgb="FFFF99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G1053" totalsRowShown="0" headerRowDxfId="10" dataDxfId="8" headerRowBorderDxfId="9" tableBorderDxfId="7">
  <tableColumns count="7">
    <tableColumn id="3" xr3:uid="{00000000-0010-0000-0000-000003000000}" name="施設名" dataDxfId="6"/>
    <tableColumn id="5" xr3:uid="{00000000-0010-0000-0000-000005000000}" name="所在地" dataDxfId="5"/>
    <tableColumn id="6" xr3:uid="{00000000-0010-0000-0000-000006000000}" name="ビル名" dataDxfId="4"/>
    <tableColumn id="8" xr3:uid="{00000000-0010-0000-0000-000008000000}" name="営業者名" dataDxfId="3"/>
    <tableColumn id="10" xr3:uid="{00000000-0010-0000-0000-00000A000000}" name="営業者住所" dataDxfId="2"/>
    <tableColumn id="16" xr3:uid="{00000000-0010-0000-0000-000010000000}" name="開設日年月日" dataDxfId="1"/>
    <tableColumn id="18" xr3:uid="{00000000-0010-0000-0000-000012000000}" name="確認番号" dataDxfId="0"/>
  </tableColumns>
  <tableStyleInfo name="テーブル スタイル 1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DU1055"/>
  <sheetViews>
    <sheetView showZeros="0" tabSelected="1" zoomScale="130" zoomScaleNormal="130" workbookViewId="0">
      <pane xSplit="1" ySplit="1" topLeftCell="B1051" activePane="bottomRight" state="frozen"/>
      <selection pane="topRight"/>
      <selection pane="bottomLeft"/>
      <selection pane="bottomRight" activeCell="E1053" sqref="E1053"/>
    </sheetView>
  </sheetViews>
  <sheetFormatPr defaultRowHeight="14.25" customHeight="1" x14ac:dyDescent="0.25"/>
  <cols>
    <col min="1" max="1" width="16.33203125" style="1" customWidth="1"/>
    <col min="2" max="2" width="19.265625" style="1" customWidth="1"/>
    <col min="3" max="3" width="14.86328125" style="1" customWidth="1"/>
    <col min="4" max="4" width="19.46484375" style="1" customWidth="1"/>
    <col min="5" max="5" width="17.265625" style="1" customWidth="1"/>
    <col min="6" max="6" width="12.1328125" style="2" customWidth="1"/>
    <col min="7" max="7" width="10.1328125" style="1" customWidth="1"/>
    <col min="9" max="11" width="22.1328125" style="3" customWidth="1"/>
    <col min="12" max="12" width="12.86328125" style="3" customWidth="1"/>
  </cols>
  <sheetData>
    <row r="1" spans="1:12" s="3" customFormat="1" ht="14.25" customHeight="1" x14ac:dyDescent="0.25">
      <c r="A1" s="9" t="s">
        <v>3091</v>
      </c>
      <c r="B1" s="51" t="s">
        <v>3088</v>
      </c>
      <c r="C1" s="44" t="s">
        <v>3089</v>
      </c>
      <c r="D1" s="9" t="s">
        <v>3092</v>
      </c>
      <c r="E1" s="9" t="s">
        <v>3093</v>
      </c>
      <c r="F1" s="10" t="s">
        <v>3094</v>
      </c>
      <c r="G1" s="11" t="s">
        <v>3090</v>
      </c>
    </row>
    <row r="2" spans="1:12" ht="14.25" customHeight="1" x14ac:dyDescent="0.25">
      <c r="A2" s="12" t="s">
        <v>76</v>
      </c>
      <c r="B2" s="52" t="s">
        <v>454</v>
      </c>
      <c r="C2" s="45"/>
      <c r="D2" s="12"/>
      <c r="E2" s="12"/>
      <c r="F2" s="13">
        <v>21398</v>
      </c>
      <c r="G2" s="14" t="s">
        <v>925</v>
      </c>
      <c r="I2" s="4"/>
      <c r="J2" s="4"/>
      <c r="K2" s="4"/>
      <c r="L2" s="4"/>
    </row>
    <row r="3" spans="1:12" ht="14.25" customHeight="1" x14ac:dyDescent="0.25">
      <c r="A3" s="12" t="s">
        <v>1069</v>
      </c>
      <c r="B3" s="52" t="s">
        <v>1320</v>
      </c>
      <c r="C3" s="45"/>
      <c r="D3" s="12"/>
      <c r="E3" s="12"/>
      <c r="F3" s="15">
        <v>22123</v>
      </c>
      <c r="G3" s="14"/>
      <c r="I3" s="4"/>
      <c r="J3" s="4"/>
      <c r="K3" s="4"/>
      <c r="L3" s="4"/>
    </row>
    <row r="4" spans="1:12" ht="14.25" customHeight="1" x14ac:dyDescent="0.25">
      <c r="A4" s="12" t="s">
        <v>1337</v>
      </c>
      <c r="B4" s="52" t="s">
        <v>1264</v>
      </c>
      <c r="C4" s="45"/>
      <c r="D4" s="12"/>
      <c r="E4" s="12"/>
      <c r="F4" s="13">
        <v>22190</v>
      </c>
      <c r="G4" s="14" t="s">
        <v>1026</v>
      </c>
      <c r="I4" s="4"/>
      <c r="J4" s="4"/>
      <c r="K4" s="4"/>
      <c r="L4" s="4"/>
    </row>
    <row r="5" spans="1:12" ht="14.25" customHeight="1" x14ac:dyDescent="0.25">
      <c r="A5" s="12" t="s">
        <v>1318</v>
      </c>
      <c r="B5" s="52" t="s">
        <v>1319</v>
      </c>
      <c r="C5" s="45"/>
      <c r="D5" s="12"/>
      <c r="E5" s="12"/>
      <c r="F5" s="16">
        <v>22412</v>
      </c>
      <c r="G5" s="14" t="s">
        <v>1323</v>
      </c>
      <c r="I5" s="58"/>
      <c r="J5" s="4"/>
      <c r="K5" s="4"/>
      <c r="L5" s="4"/>
    </row>
    <row r="6" spans="1:12" ht="14.25" customHeight="1" x14ac:dyDescent="0.25">
      <c r="A6" s="12" t="s">
        <v>345</v>
      </c>
      <c r="B6" s="52" t="s">
        <v>576</v>
      </c>
      <c r="C6" s="45"/>
      <c r="D6" s="12"/>
      <c r="E6" s="12"/>
      <c r="F6" s="13">
        <v>22628</v>
      </c>
      <c r="G6" s="14" t="s">
        <v>200</v>
      </c>
      <c r="I6" s="4"/>
      <c r="J6" s="4"/>
      <c r="K6" s="4"/>
      <c r="L6" s="4"/>
    </row>
    <row r="7" spans="1:12" ht="14.25" customHeight="1" x14ac:dyDescent="0.25">
      <c r="A7" s="12" t="s">
        <v>685</v>
      </c>
      <c r="B7" s="52" t="s">
        <v>1173</v>
      </c>
      <c r="C7" s="45"/>
      <c r="D7" s="12"/>
      <c r="E7" s="12"/>
      <c r="F7" s="13">
        <v>22986</v>
      </c>
      <c r="G7" s="14" t="s">
        <v>42</v>
      </c>
      <c r="I7" s="4"/>
      <c r="J7" s="4"/>
      <c r="K7" s="4"/>
      <c r="L7" s="4"/>
    </row>
    <row r="8" spans="1:12" ht="14.25" customHeight="1" x14ac:dyDescent="0.25">
      <c r="A8" s="12" t="s">
        <v>1088</v>
      </c>
      <c r="B8" s="52" t="s">
        <v>775</v>
      </c>
      <c r="C8" s="45"/>
      <c r="D8" s="12"/>
      <c r="E8" s="12"/>
      <c r="F8" s="13">
        <v>22995</v>
      </c>
      <c r="G8" s="14" t="s">
        <v>1090</v>
      </c>
      <c r="I8" s="4"/>
      <c r="J8" s="4"/>
      <c r="K8" s="4"/>
      <c r="L8" s="4"/>
    </row>
    <row r="9" spans="1:12" ht="14.25" customHeight="1" x14ac:dyDescent="0.25">
      <c r="A9" s="12" t="s">
        <v>1298</v>
      </c>
      <c r="B9" s="52" t="s">
        <v>1256</v>
      </c>
      <c r="C9" s="45"/>
      <c r="D9" s="12"/>
      <c r="E9" s="12"/>
      <c r="F9" s="13">
        <v>23482</v>
      </c>
      <c r="G9" s="14" t="s">
        <v>889</v>
      </c>
      <c r="I9" s="4"/>
      <c r="J9" s="4"/>
      <c r="K9" s="4"/>
      <c r="L9" s="4"/>
    </row>
    <row r="10" spans="1:12" ht="14.25" customHeight="1" x14ac:dyDescent="0.25">
      <c r="A10" s="12" t="s">
        <v>2761</v>
      </c>
      <c r="B10" s="52" t="s">
        <v>1280</v>
      </c>
      <c r="C10" s="45"/>
      <c r="D10" s="12"/>
      <c r="E10" s="12"/>
      <c r="F10" s="13">
        <v>23866</v>
      </c>
      <c r="G10" s="14" t="s">
        <v>511</v>
      </c>
      <c r="I10" s="4"/>
      <c r="J10" s="4"/>
      <c r="K10" s="4"/>
      <c r="L10" s="4"/>
    </row>
    <row r="11" spans="1:12" ht="14.25" customHeight="1" x14ac:dyDescent="0.25">
      <c r="A11" s="12" t="s">
        <v>961</v>
      </c>
      <c r="B11" s="52" t="s">
        <v>503</v>
      </c>
      <c r="C11" s="45"/>
      <c r="D11" s="12"/>
      <c r="E11" s="12"/>
      <c r="F11" s="13">
        <v>24104</v>
      </c>
      <c r="G11" s="14"/>
      <c r="I11" s="4"/>
      <c r="J11" s="4"/>
      <c r="K11" s="4"/>
      <c r="L11" s="4"/>
    </row>
    <row r="12" spans="1:12" ht="14.25" customHeight="1" x14ac:dyDescent="0.25">
      <c r="A12" s="12" t="s">
        <v>623</v>
      </c>
      <c r="B12" s="52" t="s">
        <v>1281</v>
      </c>
      <c r="C12" s="45"/>
      <c r="D12" s="12"/>
      <c r="E12" s="12"/>
      <c r="F12" s="13">
        <v>24268</v>
      </c>
      <c r="G12" s="14" t="s">
        <v>14</v>
      </c>
      <c r="I12" s="4"/>
      <c r="J12" s="4"/>
      <c r="K12" s="4"/>
      <c r="L12" s="4"/>
    </row>
    <row r="13" spans="1:12" ht="14.25" customHeight="1" x14ac:dyDescent="0.25">
      <c r="A13" s="12" t="s">
        <v>528</v>
      </c>
      <c r="B13" s="52" t="s">
        <v>388</v>
      </c>
      <c r="C13" s="45"/>
      <c r="D13" s="12"/>
      <c r="E13" s="12"/>
      <c r="F13" s="15">
        <v>24343</v>
      </c>
      <c r="G13" s="14"/>
      <c r="I13" s="4"/>
      <c r="J13" s="4"/>
      <c r="K13" s="4"/>
      <c r="L13" s="4"/>
    </row>
    <row r="14" spans="1:12" ht="14.25" customHeight="1" x14ac:dyDescent="0.25">
      <c r="A14" s="12" t="s">
        <v>364</v>
      </c>
      <c r="B14" s="52" t="s">
        <v>286</v>
      </c>
      <c r="C14" s="45"/>
      <c r="D14" s="12"/>
      <c r="E14" s="12"/>
      <c r="F14" s="16">
        <v>24560</v>
      </c>
      <c r="G14" s="14" t="s">
        <v>319</v>
      </c>
      <c r="I14" s="4"/>
      <c r="J14" s="4"/>
      <c r="K14" s="4"/>
      <c r="L14" s="4"/>
    </row>
    <row r="15" spans="1:12" ht="14.25" customHeight="1" x14ac:dyDescent="0.25">
      <c r="A15" s="12" t="s">
        <v>759</v>
      </c>
      <c r="B15" s="52" t="s">
        <v>1576</v>
      </c>
      <c r="C15" s="45"/>
      <c r="D15" s="12"/>
      <c r="E15" s="12"/>
      <c r="F15" s="15">
        <v>24615</v>
      </c>
      <c r="G15" s="14">
        <v>47</v>
      </c>
      <c r="I15" s="4"/>
      <c r="J15" s="4"/>
      <c r="K15" s="4"/>
      <c r="L15" s="4"/>
    </row>
    <row r="16" spans="1:12" ht="14.25" customHeight="1" x14ac:dyDescent="0.25">
      <c r="A16" s="12" t="s">
        <v>227</v>
      </c>
      <c r="B16" s="52" t="s">
        <v>153</v>
      </c>
      <c r="C16" s="45"/>
      <c r="D16" s="12"/>
      <c r="E16" s="12"/>
      <c r="F16" s="13">
        <v>24677</v>
      </c>
      <c r="G16" s="14" t="s">
        <v>501</v>
      </c>
      <c r="I16" s="4"/>
      <c r="J16" s="4"/>
      <c r="K16" s="4"/>
      <c r="L16" s="4"/>
    </row>
    <row r="17" spans="1:16349" ht="14.25" customHeight="1" x14ac:dyDescent="0.25">
      <c r="A17" s="12" t="s">
        <v>1165</v>
      </c>
      <c r="B17" s="52" t="s">
        <v>1158</v>
      </c>
      <c r="C17" s="45"/>
      <c r="D17" s="12"/>
      <c r="E17" s="12"/>
      <c r="F17" s="15">
        <v>24690</v>
      </c>
      <c r="G17" s="14"/>
      <c r="I17" s="4"/>
      <c r="J17" s="4"/>
      <c r="K17" s="4"/>
      <c r="L17" s="4"/>
    </row>
    <row r="18" spans="1:16349" ht="14.25" customHeight="1" x14ac:dyDescent="0.25">
      <c r="A18" s="12" t="s">
        <v>569</v>
      </c>
      <c r="B18" s="52" t="s">
        <v>344</v>
      </c>
      <c r="C18" s="45"/>
      <c r="D18" s="12"/>
      <c r="E18" s="12"/>
      <c r="F18" s="13">
        <v>24716</v>
      </c>
      <c r="G18" s="14" t="s">
        <v>739</v>
      </c>
      <c r="I18" s="4"/>
      <c r="J18" s="4"/>
      <c r="K18" s="4"/>
      <c r="L18" s="4"/>
    </row>
    <row r="19" spans="1:16349" ht="14.25" customHeight="1" x14ac:dyDescent="0.25">
      <c r="A19" s="12" t="s">
        <v>1347</v>
      </c>
      <c r="B19" s="52" t="s">
        <v>1348</v>
      </c>
      <c r="C19" s="45"/>
      <c r="D19" s="12"/>
      <c r="E19" s="12"/>
      <c r="F19" s="13">
        <v>24768</v>
      </c>
      <c r="G19" s="14" t="s">
        <v>1349</v>
      </c>
      <c r="I19" s="4"/>
      <c r="J19" s="4"/>
      <c r="K19" s="4"/>
      <c r="L19" s="4"/>
    </row>
    <row r="20" spans="1:16349" ht="14.25" customHeight="1" x14ac:dyDescent="0.25">
      <c r="A20" s="12" t="s">
        <v>714</v>
      </c>
      <c r="B20" s="52" t="s">
        <v>279</v>
      </c>
      <c r="C20" s="45"/>
      <c r="D20" s="12"/>
      <c r="E20" s="12"/>
      <c r="F20" s="15">
        <v>24916</v>
      </c>
      <c r="G20" s="14"/>
      <c r="I20" s="4"/>
      <c r="J20" s="4"/>
      <c r="K20" s="4"/>
      <c r="L20" s="4"/>
    </row>
    <row r="21" spans="1:16349" ht="14.25" customHeight="1" x14ac:dyDescent="0.25">
      <c r="A21" s="12" t="s">
        <v>423</v>
      </c>
      <c r="B21" s="52" t="s">
        <v>571</v>
      </c>
      <c r="C21" s="45"/>
      <c r="D21" s="12"/>
      <c r="E21" s="12"/>
      <c r="F21" s="13">
        <v>24930</v>
      </c>
      <c r="G21" s="14" t="s">
        <v>572</v>
      </c>
      <c r="I21" s="4"/>
      <c r="J21" s="4"/>
      <c r="K21" s="4"/>
      <c r="L21" s="4"/>
    </row>
    <row r="22" spans="1:16349" ht="14.25" customHeight="1" x14ac:dyDescent="0.25">
      <c r="A22" s="12" t="s">
        <v>303</v>
      </c>
      <c r="B22" s="52" t="s">
        <v>512</v>
      </c>
      <c r="C22" s="45"/>
      <c r="D22" s="12"/>
      <c r="E22" s="12"/>
      <c r="F22" s="13">
        <v>25191</v>
      </c>
      <c r="G22" s="14" t="s">
        <v>122</v>
      </c>
      <c r="I22" s="4"/>
      <c r="J22" s="4"/>
      <c r="K22" s="4"/>
      <c r="L22" s="4"/>
    </row>
    <row r="23" spans="1:16349" ht="14.25" customHeight="1" x14ac:dyDescent="0.25">
      <c r="A23" s="12" t="s">
        <v>819</v>
      </c>
      <c r="B23" s="52" t="s">
        <v>820</v>
      </c>
      <c r="C23" s="45"/>
      <c r="D23" s="12"/>
      <c r="E23" s="12"/>
      <c r="F23" s="13">
        <v>25417</v>
      </c>
      <c r="G23" s="14"/>
      <c r="I23" s="4"/>
      <c r="J23" s="4"/>
      <c r="K23" s="4"/>
      <c r="L23" s="4"/>
    </row>
    <row r="24" spans="1:16349" ht="14.25" customHeight="1" x14ac:dyDescent="0.25">
      <c r="A24" s="12" t="s">
        <v>71</v>
      </c>
      <c r="B24" s="52" t="s">
        <v>1343</v>
      </c>
      <c r="C24" s="45"/>
      <c r="D24" s="12"/>
      <c r="E24" s="12"/>
      <c r="F24" s="13">
        <v>25480</v>
      </c>
      <c r="G24" s="14" t="s">
        <v>1345</v>
      </c>
      <c r="I24" s="4"/>
      <c r="J24" s="4"/>
      <c r="K24" s="4"/>
      <c r="L24" s="4"/>
    </row>
    <row r="25" spans="1:16349" s="5" customFormat="1" ht="14.25" customHeight="1" x14ac:dyDescent="0.25">
      <c r="A25" s="17" t="s">
        <v>743</v>
      </c>
      <c r="B25" s="17" t="s">
        <v>744</v>
      </c>
      <c r="C25" s="17"/>
      <c r="D25" s="17"/>
      <c r="E25" s="17"/>
      <c r="F25" s="18">
        <v>25666</v>
      </c>
      <c r="G25" s="19"/>
      <c r="H25" s="6"/>
      <c r="I25" s="8"/>
      <c r="J25" s="8"/>
      <c r="K25" s="8"/>
      <c r="L25" s="8"/>
      <c r="M25" s="6"/>
      <c r="N25" s="6"/>
      <c r="O25" s="6"/>
      <c r="P25" s="6"/>
      <c r="Q25" s="6"/>
      <c r="R25" s="6"/>
      <c r="S25" s="6"/>
      <c r="T25" s="6"/>
      <c r="U25" s="6"/>
      <c r="V25" s="6"/>
      <c r="W25" s="6"/>
      <c r="X25" s="6"/>
      <c r="Y25" s="6"/>
      <c r="Z25" s="6"/>
      <c r="AA25" s="6"/>
      <c r="AB25" s="6"/>
      <c r="AC25" s="6"/>
      <c r="AD25" s="6"/>
      <c r="AE25" s="6"/>
      <c r="AF25" s="6"/>
      <c r="AG25" s="6"/>
      <c r="AH25" s="6"/>
      <c r="AI25" s="6"/>
      <c r="AJ25" s="6"/>
      <c r="AK25" s="6"/>
      <c r="AL25" s="6"/>
      <c r="AM25" s="6"/>
      <c r="AN25" s="6"/>
      <c r="AO25" s="6"/>
      <c r="AP25" s="6"/>
      <c r="AQ25" s="6"/>
      <c r="AR25" s="6"/>
      <c r="AS25" s="6"/>
      <c r="AT25" s="6"/>
      <c r="AU25" s="6"/>
      <c r="AV25" s="6"/>
      <c r="AW25" s="6"/>
      <c r="AX25" s="6"/>
      <c r="AY25" s="6"/>
      <c r="AZ25" s="6"/>
      <c r="BA25" s="6"/>
      <c r="BB25" s="6"/>
      <c r="BC25" s="6"/>
      <c r="BD25" s="6"/>
      <c r="BE25" s="6"/>
      <c r="BF25" s="6"/>
      <c r="BG25" s="6"/>
      <c r="BH25" s="6"/>
      <c r="BI25" s="6"/>
      <c r="BJ25" s="6"/>
      <c r="BK25" s="6"/>
      <c r="BL25" s="6"/>
      <c r="BM25" s="6"/>
      <c r="BN25" s="6"/>
      <c r="BO25" s="6"/>
      <c r="BP25" s="6"/>
      <c r="BQ25" s="6"/>
      <c r="BR25" s="6"/>
      <c r="BS25" s="6"/>
      <c r="BT25" s="6"/>
      <c r="BU25" s="6"/>
      <c r="BV25" s="6"/>
      <c r="BW25" s="6"/>
      <c r="BX25" s="6"/>
      <c r="BY25" s="6"/>
      <c r="BZ25" s="6"/>
      <c r="CA25" s="6"/>
      <c r="CB25" s="6"/>
      <c r="CC25" s="6"/>
      <c r="CD25" s="6"/>
      <c r="CE25" s="6"/>
      <c r="CF25" s="6"/>
      <c r="CG25" s="6"/>
      <c r="CH25" s="6"/>
      <c r="CI25" s="6"/>
      <c r="CJ25" s="6"/>
      <c r="CK25" s="6"/>
      <c r="CL25" s="6"/>
      <c r="CM25" s="6"/>
      <c r="CN25" s="6"/>
      <c r="CO25" s="6"/>
      <c r="CP25" s="6"/>
      <c r="CQ25" s="6"/>
      <c r="CR25" s="6"/>
      <c r="CS25" s="6"/>
      <c r="CT25" s="6"/>
      <c r="CU25" s="6"/>
      <c r="CV25" s="6"/>
      <c r="CW25" s="6"/>
      <c r="CX25" s="6"/>
      <c r="CY25" s="6"/>
      <c r="CZ25" s="6"/>
      <c r="DA25" s="6"/>
      <c r="DB25" s="6"/>
      <c r="DC25" s="6"/>
      <c r="DD25" s="6"/>
      <c r="DE25" s="6"/>
      <c r="DF25" s="6"/>
      <c r="DG25" s="6"/>
      <c r="DH25" s="6"/>
      <c r="DI25" s="6"/>
      <c r="DJ25" s="6"/>
      <c r="DK25" s="6"/>
      <c r="DL25" s="6"/>
      <c r="DM25" s="6"/>
      <c r="DN25" s="6"/>
      <c r="DO25" s="6"/>
      <c r="DP25" s="6"/>
      <c r="DQ25" s="6"/>
      <c r="DR25" s="6"/>
      <c r="DS25" s="6"/>
      <c r="DT25" s="6"/>
      <c r="DU25" s="6"/>
      <c r="DV25" s="6"/>
      <c r="DW25" s="6"/>
      <c r="DX25" s="6"/>
      <c r="DY25" s="6"/>
      <c r="DZ25" s="6"/>
      <c r="EA25" s="6"/>
      <c r="EB25" s="6"/>
      <c r="EC25" s="6"/>
      <c r="ED25" s="6"/>
      <c r="EE25" s="6"/>
      <c r="EF25" s="6"/>
      <c r="EG25" s="6"/>
      <c r="EH25" s="6"/>
      <c r="EI25" s="6"/>
      <c r="EJ25" s="6"/>
      <c r="EK25" s="6"/>
      <c r="EL25" s="6"/>
      <c r="EM25" s="6"/>
      <c r="EN25" s="6"/>
      <c r="EO25" s="6"/>
      <c r="EP25" s="6"/>
      <c r="EQ25" s="6"/>
      <c r="ER25" s="6"/>
      <c r="ES25" s="6"/>
      <c r="ET25" s="6"/>
      <c r="EU25" s="6"/>
      <c r="EV25" s="6"/>
      <c r="EW25" s="6"/>
      <c r="EX25" s="6"/>
      <c r="EY25" s="6"/>
      <c r="EZ25" s="6"/>
      <c r="FA25" s="6"/>
      <c r="FB25" s="6"/>
      <c r="FC25" s="6"/>
      <c r="FD25" s="6"/>
      <c r="FE25" s="6"/>
      <c r="FF25" s="6"/>
      <c r="FG25" s="6"/>
      <c r="FH25" s="6"/>
      <c r="FI25" s="6"/>
      <c r="FJ25" s="6"/>
      <c r="FK25" s="6"/>
      <c r="FL25" s="6"/>
      <c r="FM25" s="6"/>
      <c r="FN25" s="6"/>
      <c r="FO25" s="6"/>
      <c r="FP25" s="6"/>
      <c r="FQ25" s="6"/>
      <c r="FR25" s="6"/>
      <c r="FS25" s="6"/>
      <c r="FT25" s="6"/>
      <c r="FU25" s="6"/>
      <c r="FV25" s="6"/>
      <c r="FW25" s="6"/>
      <c r="FX25" s="6"/>
      <c r="FY25" s="6"/>
      <c r="FZ25" s="6"/>
      <c r="GA25" s="6"/>
      <c r="GB25" s="6"/>
      <c r="GC25" s="6"/>
      <c r="GD25" s="6"/>
      <c r="GE25" s="6"/>
      <c r="GF25" s="6"/>
      <c r="GG25" s="6"/>
      <c r="GH25" s="6"/>
      <c r="GI25" s="6"/>
      <c r="GJ25" s="6"/>
      <c r="GK25" s="6"/>
      <c r="GL25" s="6"/>
      <c r="GM25" s="6"/>
      <c r="GN25" s="6"/>
      <c r="GO25" s="6"/>
      <c r="GP25" s="6"/>
      <c r="GQ25" s="6"/>
      <c r="GR25" s="6"/>
      <c r="GS25" s="6"/>
      <c r="GT25" s="6"/>
      <c r="GU25" s="6"/>
      <c r="GV25" s="6"/>
      <c r="GW25" s="6"/>
      <c r="GX25" s="6"/>
      <c r="GY25" s="6"/>
      <c r="GZ25" s="6"/>
      <c r="HA25" s="6"/>
      <c r="HB25" s="6"/>
      <c r="HC25" s="6"/>
      <c r="HD25" s="6"/>
      <c r="HE25" s="6"/>
      <c r="HF25" s="6"/>
      <c r="HG25" s="6"/>
      <c r="HH25" s="6"/>
      <c r="HI25" s="6"/>
      <c r="HJ25" s="6"/>
      <c r="HK25" s="6"/>
      <c r="HL25" s="6"/>
      <c r="HM25" s="6"/>
      <c r="HN25" s="6"/>
      <c r="HO25" s="6"/>
      <c r="HP25" s="6"/>
      <c r="HQ25" s="6"/>
      <c r="HR25" s="6"/>
      <c r="HS25" s="6"/>
      <c r="HT25" s="6"/>
      <c r="HU25" s="6"/>
      <c r="HV25" s="6"/>
      <c r="HW25" s="6"/>
      <c r="HX25" s="6"/>
      <c r="HY25" s="6"/>
      <c r="HZ25" s="6"/>
      <c r="IA25" s="6"/>
      <c r="IB25" s="6"/>
      <c r="IC25" s="6"/>
      <c r="ID25" s="6"/>
      <c r="IE25" s="6"/>
      <c r="IF25" s="6"/>
      <c r="IG25" s="6"/>
      <c r="IH25" s="6"/>
      <c r="II25" s="6"/>
      <c r="IJ25" s="6"/>
      <c r="IK25" s="6"/>
      <c r="IL25" s="6"/>
      <c r="IM25" s="6"/>
      <c r="IN25" s="6"/>
      <c r="IO25" s="6"/>
      <c r="IP25" s="6"/>
      <c r="IQ25" s="6"/>
      <c r="IR25" s="6"/>
      <c r="IS25" s="6"/>
      <c r="IT25" s="6"/>
      <c r="IU25" s="6"/>
      <c r="IV25" s="6"/>
      <c r="IW25" s="6"/>
      <c r="IX25" s="6"/>
      <c r="IY25" s="6"/>
      <c r="IZ25" s="6"/>
      <c r="JA25" s="6"/>
      <c r="JB25" s="6"/>
      <c r="JC25" s="6"/>
      <c r="JD25" s="6"/>
      <c r="JE25" s="6"/>
      <c r="JF25" s="6"/>
      <c r="JG25" s="6"/>
      <c r="JH25" s="6"/>
      <c r="JI25" s="6"/>
      <c r="JJ25" s="6"/>
      <c r="JK25" s="6"/>
      <c r="JL25" s="6"/>
      <c r="JM25" s="6"/>
      <c r="JN25" s="6"/>
      <c r="JO25" s="6"/>
      <c r="JP25" s="6"/>
      <c r="JQ25" s="6"/>
      <c r="JR25" s="6"/>
      <c r="JS25" s="6"/>
      <c r="JT25" s="6"/>
      <c r="JU25" s="6"/>
      <c r="JV25" s="6"/>
      <c r="JW25" s="6"/>
      <c r="JX25" s="6"/>
      <c r="JY25" s="6"/>
      <c r="JZ25" s="6"/>
      <c r="KA25" s="6"/>
      <c r="KB25" s="6"/>
      <c r="KC25" s="6"/>
      <c r="KD25" s="6"/>
      <c r="KE25" s="6"/>
      <c r="KF25" s="6"/>
      <c r="KG25" s="6"/>
      <c r="KH25" s="6"/>
      <c r="KI25" s="6"/>
      <c r="KJ25" s="6"/>
      <c r="KK25" s="6"/>
      <c r="KL25" s="6"/>
      <c r="KM25" s="6"/>
      <c r="KN25" s="6"/>
      <c r="KO25" s="6"/>
      <c r="KP25" s="6"/>
      <c r="KQ25" s="6"/>
      <c r="KR25" s="6"/>
      <c r="KS25" s="6"/>
      <c r="KT25" s="6"/>
      <c r="KU25" s="6"/>
      <c r="KV25" s="6"/>
      <c r="KW25" s="6"/>
      <c r="KX25" s="6"/>
      <c r="KY25" s="6"/>
      <c r="KZ25" s="6"/>
      <c r="LA25" s="6"/>
      <c r="LB25" s="6"/>
      <c r="LC25" s="6"/>
      <c r="LD25" s="6"/>
      <c r="LE25" s="6"/>
      <c r="LF25" s="6"/>
      <c r="LG25" s="6"/>
      <c r="LH25" s="6"/>
      <c r="LI25" s="6"/>
      <c r="LJ25" s="6"/>
      <c r="LK25" s="6"/>
      <c r="LL25" s="6"/>
      <c r="LM25" s="6"/>
      <c r="LN25" s="6"/>
      <c r="LO25" s="6"/>
      <c r="LP25" s="6"/>
      <c r="LQ25" s="6"/>
      <c r="LR25" s="6"/>
      <c r="LS25" s="6"/>
      <c r="LT25" s="6"/>
      <c r="LU25" s="6"/>
      <c r="LV25" s="6"/>
      <c r="LW25" s="6"/>
      <c r="LX25" s="6"/>
      <c r="LY25" s="6"/>
      <c r="LZ25" s="6"/>
      <c r="MA25" s="6"/>
      <c r="MB25" s="6"/>
      <c r="MC25" s="6"/>
      <c r="MD25" s="6"/>
      <c r="ME25" s="6"/>
      <c r="MF25" s="6"/>
      <c r="MG25" s="6"/>
      <c r="MH25" s="6"/>
      <c r="MI25" s="6"/>
      <c r="MJ25" s="6"/>
      <c r="MK25" s="6"/>
      <c r="ML25" s="6"/>
      <c r="MM25" s="6"/>
      <c r="MN25" s="6"/>
      <c r="MO25" s="6"/>
      <c r="MP25" s="6"/>
      <c r="MQ25" s="6"/>
      <c r="MR25" s="6"/>
      <c r="MS25" s="6"/>
      <c r="MT25" s="6"/>
      <c r="MU25" s="6"/>
      <c r="MV25" s="6"/>
      <c r="MW25" s="6"/>
      <c r="MX25" s="6"/>
      <c r="MY25" s="6"/>
      <c r="MZ25" s="6"/>
      <c r="NA25" s="6"/>
      <c r="NB25" s="6"/>
      <c r="NC25" s="6"/>
      <c r="ND25" s="6"/>
      <c r="NE25" s="6"/>
      <c r="NF25" s="6"/>
      <c r="NG25" s="6"/>
      <c r="NH25" s="6"/>
      <c r="NI25" s="6"/>
      <c r="NJ25" s="6"/>
      <c r="NK25" s="6"/>
      <c r="NL25" s="6"/>
      <c r="NM25" s="6"/>
      <c r="NN25" s="6"/>
      <c r="NO25" s="6"/>
      <c r="NP25" s="6"/>
      <c r="NQ25" s="6"/>
      <c r="NR25" s="6"/>
      <c r="NS25" s="6"/>
      <c r="NT25" s="6"/>
      <c r="NU25" s="6"/>
      <c r="NV25" s="6"/>
      <c r="NW25" s="6"/>
      <c r="NX25" s="6"/>
      <c r="NY25" s="6"/>
      <c r="NZ25" s="6"/>
      <c r="OA25" s="6"/>
      <c r="OB25" s="6"/>
      <c r="OC25" s="6"/>
      <c r="OD25" s="6"/>
      <c r="OE25" s="6"/>
      <c r="OF25" s="6"/>
      <c r="OG25" s="6"/>
      <c r="OH25" s="6"/>
      <c r="OI25" s="6"/>
      <c r="OJ25" s="6"/>
      <c r="OK25" s="6"/>
      <c r="OL25" s="6"/>
      <c r="OM25" s="6"/>
      <c r="ON25" s="6"/>
      <c r="OO25" s="6"/>
      <c r="OP25" s="6"/>
      <c r="OQ25" s="6"/>
      <c r="OR25" s="6"/>
      <c r="OS25" s="6"/>
      <c r="OT25" s="6"/>
      <c r="OU25" s="6"/>
      <c r="OV25" s="6"/>
      <c r="OW25" s="6"/>
      <c r="OX25" s="6"/>
      <c r="OY25" s="6"/>
      <c r="OZ25" s="6"/>
      <c r="PA25" s="6"/>
      <c r="PB25" s="6"/>
      <c r="PC25" s="6"/>
      <c r="PD25" s="6"/>
      <c r="PE25" s="6"/>
      <c r="PF25" s="6"/>
      <c r="PG25" s="6"/>
      <c r="PH25" s="6"/>
      <c r="PI25" s="6"/>
      <c r="PJ25" s="6"/>
      <c r="PK25" s="6"/>
      <c r="PL25" s="6"/>
      <c r="PM25" s="6"/>
      <c r="PN25" s="6"/>
      <c r="PO25" s="6"/>
      <c r="PP25" s="6"/>
      <c r="PQ25" s="6"/>
      <c r="PR25" s="6"/>
      <c r="PS25" s="6"/>
      <c r="PT25" s="6"/>
      <c r="PU25" s="6"/>
      <c r="PV25" s="6"/>
      <c r="PW25" s="6"/>
      <c r="PX25" s="6"/>
      <c r="PY25" s="6"/>
      <c r="PZ25" s="6"/>
      <c r="QA25" s="6"/>
      <c r="QB25" s="6"/>
      <c r="QC25" s="6"/>
      <c r="QD25" s="6"/>
      <c r="QE25" s="6"/>
      <c r="QF25" s="6"/>
      <c r="QG25" s="6"/>
      <c r="QH25" s="6"/>
      <c r="QI25" s="6"/>
      <c r="QJ25" s="6"/>
      <c r="QK25" s="6"/>
      <c r="QL25" s="6"/>
      <c r="QM25" s="6"/>
      <c r="QN25" s="6"/>
      <c r="QO25" s="6"/>
      <c r="QP25" s="6"/>
      <c r="QQ25" s="6"/>
      <c r="QR25" s="6"/>
      <c r="QS25" s="6"/>
      <c r="QT25" s="6"/>
      <c r="QU25" s="6"/>
      <c r="QV25" s="6"/>
      <c r="QW25" s="6"/>
      <c r="QX25" s="6"/>
      <c r="QY25" s="6"/>
      <c r="QZ25" s="6"/>
      <c r="RA25" s="6"/>
      <c r="RB25" s="6"/>
      <c r="RC25" s="6"/>
      <c r="RD25" s="6"/>
      <c r="RE25" s="6"/>
      <c r="RF25" s="6"/>
      <c r="RG25" s="6"/>
      <c r="RH25" s="6"/>
      <c r="RI25" s="6"/>
      <c r="RJ25" s="6"/>
      <c r="RK25" s="6"/>
      <c r="RL25" s="6"/>
      <c r="RM25" s="6"/>
      <c r="RN25" s="6"/>
      <c r="RO25" s="6"/>
      <c r="RP25" s="6"/>
      <c r="RQ25" s="6"/>
      <c r="RR25" s="6"/>
      <c r="RS25" s="6"/>
      <c r="RT25" s="6"/>
      <c r="RU25" s="6"/>
      <c r="RV25" s="6"/>
      <c r="RW25" s="6"/>
      <c r="RX25" s="6"/>
      <c r="RY25" s="6"/>
      <c r="RZ25" s="6"/>
      <c r="SA25" s="6"/>
      <c r="SB25" s="6"/>
      <c r="SC25" s="6"/>
      <c r="SD25" s="6"/>
      <c r="SE25" s="6"/>
      <c r="SF25" s="6"/>
      <c r="SG25" s="6"/>
      <c r="SH25" s="6"/>
      <c r="SI25" s="6"/>
      <c r="SJ25" s="6"/>
      <c r="SK25" s="6"/>
      <c r="SL25" s="6"/>
      <c r="SM25" s="6"/>
      <c r="SN25" s="6"/>
      <c r="SO25" s="6"/>
      <c r="SP25" s="6"/>
      <c r="SQ25" s="6"/>
      <c r="SR25" s="6"/>
      <c r="SS25" s="6"/>
      <c r="ST25" s="6"/>
      <c r="SU25" s="6"/>
      <c r="SV25" s="6"/>
      <c r="SW25" s="6"/>
      <c r="SX25" s="6"/>
      <c r="SY25" s="6"/>
      <c r="SZ25" s="6"/>
      <c r="TA25" s="6"/>
      <c r="TB25" s="6"/>
      <c r="TC25" s="6"/>
      <c r="TD25" s="6"/>
      <c r="TE25" s="6"/>
      <c r="TF25" s="6"/>
      <c r="TG25" s="6"/>
      <c r="TH25" s="6"/>
      <c r="TI25" s="6"/>
      <c r="TJ25" s="6"/>
      <c r="TK25" s="6"/>
      <c r="TL25" s="6"/>
      <c r="TM25" s="6"/>
      <c r="TN25" s="6"/>
      <c r="TO25" s="6"/>
      <c r="TP25" s="6"/>
      <c r="TQ25" s="6"/>
      <c r="TR25" s="6"/>
      <c r="TS25" s="6"/>
      <c r="TT25" s="6"/>
      <c r="TU25" s="6"/>
      <c r="TV25" s="6"/>
      <c r="TW25" s="6"/>
      <c r="TX25" s="6"/>
      <c r="TY25" s="6"/>
      <c r="TZ25" s="6"/>
      <c r="UA25" s="6"/>
      <c r="UB25" s="6"/>
      <c r="UC25" s="6"/>
      <c r="UD25" s="6"/>
      <c r="UE25" s="6"/>
      <c r="UF25" s="6"/>
      <c r="UG25" s="6"/>
      <c r="UH25" s="6"/>
      <c r="UI25" s="6"/>
      <c r="UJ25" s="6"/>
      <c r="UK25" s="6"/>
      <c r="UL25" s="6"/>
      <c r="UM25" s="6"/>
      <c r="UN25" s="6"/>
      <c r="UO25" s="6"/>
      <c r="UP25" s="6"/>
      <c r="UQ25" s="6"/>
      <c r="UR25" s="6"/>
      <c r="US25" s="6"/>
      <c r="UT25" s="6"/>
      <c r="UU25" s="6"/>
      <c r="UV25" s="6"/>
      <c r="UW25" s="6"/>
      <c r="UX25" s="6"/>
      <c r="UY25" s="6"/>
      <c r="UZ25" s="6"/>
      <c r="VA25" s="6"/>
      <c r="VB25" s="6"/>
      <c r="VC25" s="6"/>
      <c r="VD25" s="6"/>
      <c r="VE25" s="6"/>
      <c r="VF25" s="6"/>
      <c r="VG25" s="6"/>
      <c r="VH25" s="6"/>
      <c r="VI25" s="6"/>
      <c r="VJ25" s="6"/>
      <c r="VK25" s="6"/>
      <c r="VL25" s="6"/>
      <c r="VM25" s="6"/>
      <c r="VN25" s="6"/>
      <c r="VO25" s="6"/>
      <c r="VP25" s="6"/>
      <c r="VQ25" s="6"/>
      <c r="VR25" s="6"/>
      <c r="VS25" s="6"/>
      <c r="VT25" s="6"/>
      <c r="VU25" s="6"/>
      <c r="VV25" s="6"/>
      <c r="VW25" s="6"/>
      <c r="VX25" s="6"/>
      <c r="VY25" s="6"/>
      <c r="VZ25" s="6"/>
      <c r="WA25" s="6"/>
      <c r="WB25" s="6"/>
      <c r="WC25" s="6"/>
      <c r="WD25" s="6"/>
      <c r="WE25" s="6"/>
      <c r="WF25" s="6"/>
      <c r="WG25" s="6"/>
      <c r="WH25" s="6"/>
      <c r="WI25" s="6"/>
      <c r="WJ25" s="6"/>
      <c r="WK25" s="6"/>
      <c r="WL25" s="6"/>
      <c r="WM25" s="6"/>
      <c r="WN25" s="6"/>
      <c r="WO25" s="6"/>
      <c r="WP25" s="6"/>
      <c r="WQ25" s="6"/>
      <c r="WR25" s="6"/>
      <c r="WS25" s="6"/>
      <c r="WT25" s="6"/>
      <c r="WU25" s="6"/>
      <c r="WV25" s="6"/>
      <c r="WW25" s="6"/>
      <c r="WX25" s="6"/>
      <c r="WY25" s="6"/>
      <c r="WZ25" s="6"/>
      <c r="XA25" s="6"/>
      <c r="XB25" s="6"/>
      <c r="XC25" s="6"/>
      <c r="XD25" s="6"/>
      <c r="XE25" s="6"/>
      <c r="XF25" s="6"/>
      <c r="XG25" s="6"/>
      <c r="XH25" s="6"/>
      <c r="XI25" s="6"/>
      <c r="XJ25" s="6"/>
      <c r="XK25" s="6"/>
      <c r="XL25" s="6"/>
      <c r="XM25" s="6"/>
      <c r="XN25" s="6"/>
      <c r="XO25" s="6"/>
      <c r="XP25" s="6"/>
      <c r="XQ25" s="6"/>
      <c r="XR25" s="6"/>
      <c r="XS25" s="6"/>
      <c r="XT25" s="6"/>
      <c r="XU25" s="6"/>
      <c r="XV25" s="6"/>
      <c r="XW25" s="6"/>
      <c r="XX25" s="6"/>
      <c r="XY25" s="6"/>
      <c r="XZ25" s="6"/>
      <c r="YA25" s="6"/>
      <c r="YB25" s="6"/>
      <c r="YC25" s="6"/>
      <c r="YD25" s="6"/>
      <c r="YE25" s="6"/>
      <c r="YF25" s="6"/>
      <c r="YG25" s="6"/>
      <c r="YH25" s="6"/>
      <c r="YI25" s="6"/>
      <c r="YJ25" s="6"/>
      <c r="YK25" s="6"/>
      <c r="YL25" s="6"/>
      <c r="YM25" s="6"/>
      <c r="YN25" s="6"/>
      <c r="YO25" s="6"/>
      <c r="YP25" s="6"/>
      <c r="YQ25" s="6"/>
      <c r="YR25" s="6"/>
      <c r="YS25" s="6"/>
      <c r="YT25" s="6"/>
      <c r="YU25" s="6"/>
      <c r="YV25" s="6"/>
      <c r="YW25" s="6"/>
      <c r="YX25" s="6"/>
      <c r="YY25" s="6"/>
      <c r="YZ25" s="6"/>
      <c r="ZA25" s="6"/>
      <c r="ZB25" s="6"/>
      <c r="ZC25" s="6"/>
      <c r="ZD25" s="6"/>
      <c r="ZE25" s="6"/>
      <c r="ZF25" s="6"/>
      <c r="ZG25" s="6"/>
      <c r="ZH25" s="6"/>
      <c r="ZI25" s="6"/>
      <c r="ZJ25" s="6"/>
      <c r="ZK25" s="6"/>
      <c r="ZL25" s="6"/>
      <c r="ZM25" s="6"/>
      <c r="ZN25" s="6"/>
      <c r="ZO25" s="6"/>
      <c r="ZP25" s="6"/>
      <c r="ZQ25" s="6"/>
      <c r="ZR25" s="6"/>
      <c r="ZS25" s="6"/>
      <c r="ZT25" s="6"/>
      <c r="ZU25" s="6"/>
      <c r="ZV25" s="6"/>
      <c r="ZW25" s="6"/>
      <c r="ZX25" s="6"/>
      <c r="ZY25" s="6"/>
      <c r="ZZ25" s="6"/>
      <c r="AAA25" s="6"/>
      <c r="AAB25" s="6"/>
      <c r="AAC25" s="6"/>
      <c r="AAD25" s="6"/>
      <c r="AAE25" s="6"/>
      <c r="AAF25" s="6"/>
      <c r="AAG25" s="6"/>
      <c r="AAH25" s="6"/>
      <c r="AAI25" s="6"/>
      <c r="AAJ25" s="6"/>
      <c r="AAK25" s="6"/>
      <c r="AAL25" s="6"/>
      <c r="AAM25" s="6"/>
      <c r="AAN25" s="6"/>
      <c r="AAO25" s="6"/>
      <c r="AAP25" s="6"/>
      <c r="AAQ25" s="6"/>
      <c r="AAR25" s="6"/>
      <c r="AAS25" s="6"/>
      <c r="AAT25" s="6"/>
      <c r="AAU25" s="6"/>
      <c r="AAV25" s="6"/>
      <c r="AAW25" s="6"/>
      <c r="AAX25" s="6"/>
      <c r="AAY25" s="6"/>
      <c r="AAZ25" s="6"/>
      <c r="ABA25" s="6"/>
      <c r="ABB25" s="6"/>
      <c r="ABC25" s="6"/>
      <c r="ABD25" s="6"/>
      <c r="ABE25" s="6"/>
      <c r="ABF25" s="6"/>
      <c r="ABG25" s="6"/>
      <c r="ABH25" s="6"/>
      <c r="ABI25" s="6"/>
      <c r="ABJ25" s="6"/>
      <c r="ABK25" s="6"/>
      <c r="ABL25" s="6"/>
      <c r="ABM25" s="6"/>
      <c r="ABN25" s="6"/>
      <c r="ABO25" s="6"/>
      <c r="ABP25" s="6"/>
      <c r="ABQ25" s="6"/>
      <c r="ABR25" s="6"/>
      <c r="ABS25" s="6"/>
      <c r="ABT25" s="6"/>
      <c r="ABU25" s="6"/>
      <c r="ABV25" s="6"/>
      <c r="ABW25" s="6"/>
      <c r="ABX25" s="6"/>
      <c r="ABY25" s="6"/>
      <c r="ABZ25" s="6"/>
      <c r="ACA25" s="6"/>
      <c r="ACB25" s="6"/>
      <c r="ACC25" s="6"/>
      <c r="ACD25" s="6"/>
      <c r="ACE25" s="6"/>
      <c r="ACF25" s="6"/>
      <c r="ACG25" s="6"/>
      <c r="ACH25" s="6"/>
      <c r="ACI25" s="6"/>
      <c r="ACJ25" s="6"/>
      <c r="ACK25" s="6"/>
      <c r="ACL25" s="6"/>
      <c r="ACM25" s="6"/>
      <c r="ACN25" s="6"/>
      <c r="ACO25" s="6"/>
      <c r="ACP25" s="6"/>
      <c r="ACQ25" s="6"/>
      <c r="ACR25" s="6"/>
      <c r="ACS25" s="6"/>
      <c r="ACT25" s="6"/>
      <c r="ACU25" s="6"/>
      <c r="ACV25" s="6"/>
      <c r="ACW25" s="6"/>
      <c r="ACX25" s="6"/>
      <c r="ACY25" s="6"/>
      <c r="ACZ25" s="6"/>
      <c r="ADA25" s="6"/>
      <c r="ADB25" s="6"/>
      <c r="ADC25" s="6"/>
      <c r="ADD25" s="6"/>
      <c r="ADE25" s="6"/>
      <c r="ADF25" s="6"/>
      <c r="ADG25" s="6"/>
      <c r="ADH25" s="6"/>
      <c r="ADI25" s="6"/>
      <c r="ADJ25" s="6"/>
      <c r="ADK25" s="6"/>
      <c r="ADL25" s="6"/>
      <c r="ADM25" s="6"/>
      <c r="ADN25" s="6"/>
      <c r="ADO25" s="6"/>
      <c r="ADP25" s="6"/>
      <c r="ADQ25" s="6"/>
      <c r="ADR25" s="6"/>
      <c r="ADS25" s="6"/>
      <c r="ADT25" s="6"/>
      <c r="ADU25" s="6"/>
      <c r="ADV25" s="6"/>
      <c r="ADW25" s="6"/>
      <c r="ADX25" s="6"/>
      <c r="ADY25" s="6"/>
      <c r="ADZ25" s="6"/>
      <c r="AEA25" s="6"/>
      <c r="AEB25" s="6"/>
      <c r="AEC25" s="6"/>
      <c r="AED25" s="6"/>
      <c r="AEE25" s="6"/>
      <c r="AEF25" s="6"/>
      <c r="AEG25" s="6"/>
      <c r="AEH25" s="6"/>
      <c r="AEI25" s="6"/>
      <c r="AEJ25" s="6"/>
      <c r="AEK25" s="6"/>
      <c r="AEL25" s="6"/>
      <c r="AEM25" s="6"/>
      <c r="AEN25" s="6"/>
      <c r="AEO25" s="6"/>
      <c r="AEP25" s="6"/>
      <c r="AEQ25" s="6"/>
      <c r="AER25" s="6"/>
      <c r="AES25" s="6"/>
      <c r="AET25" s="6"/>
      <c r="AEU25" s="6"/>
      <c r="AEV25" s="6"/>
      <c r="AEW25" s="6"/>
      <c r="AEX25" s="6"/>
      <c r="AEY25" s="6"/>
      <c r="AEZ25" s="6"/>
      <c r="AFA25" s="6"/>
      <c r="AFB25" s="6"/>
      <c r="AFC25" s="6"/>
      <c r="AFD25" s="6"/>
      <c r="AFE25" s="6"/>
      <c r="AFF25" s="6"/>
      <c r="AFG25" s="6"/>
      <c r="AFH25" s="6"/>
      <c r="AFI25" s="6"/>
      <c r="AFJ25" s="6"/>
      <c r="AFK25" s="6"/>
      <c r="AFL25" s="6"/>
      <c r="AFM25" s="6"/>
      <c r="AFN25" s="6"/>
      <c r="AFO25" s="6"/>
      <c r="AFP25" s="6"/>
      <c r="AFQ25" s="6"/>
      <c r="AFR25" s="6"/>
      <c r="AFS25" s="6"/>
      <c r="AFT25" s="6"/>
      <c r="AFU25" s="6"/>
      <c r="AFV25" s="6"/>
      <c r="AFW25" s="6"/>
      <c r="AFX25" s="6"/>
      <c r="AFY25" s="6"/>
      <c r="AFZ25" s="6"/>
      <c r="AGA25" s="6"/>
      <c r="AGB25" s="6"/>
      <c r="AGC25" s="6"/>
      <c r="AGD25" s="6"/>
      <c r="AGE25" s="6"/>
      <c r="AGF25" s="6"/>
      <c r="AGG25" s="6"/>
      <c r="AGH25" s="6"/>
      <c r="AGI25" s="6"/>
      <c r="AGJ25" s="6"/>
      <c r="AGK25" s="6"/>
      <c r="AGL25" s="6"/>
      <c r="AGM25" s="6"/>
      <c r="AGN25" s="6"/>
      <c r="AGO25" s="6"/>
      <c r="AGP25" s="6"/>
      <c r="AGQ25" s="6"/>
      <c r="AGR25" s="6"/>
      <c r="AGS25" s="6"/>
      <c r="AGT25" s="6"/>
      <c r="AGU25" s="6"/>
      <c r="AGV25" s="6"/>
      <c r="AGW25" s="6"/>
      <c r="AGX25" s="6"/>
      <c r="AGY25" s="6"/>
      <c r="AGZ25" s="6"/>
      <c r="AHA25" s="6"/>
      <c r="AHB25" s="6"/>
      <c r="AHC25" s="6"/>
      <c r="AHD25" s="6"/>
      <c r="AHE25" s="6"/>
      <c r="AHF25" s="6"/>
      <c r="AHG25" s="6"/>
      <c r="AHH25" s="6"/>
      <c r="AHI25" s="6"/>
      <c r="AHJ25" s="6"/>
      <c r="AHK25" s="6"/>
      <c r="AHL25" s="6"/>
      <c r="AHM25" s="6"/>
      <c r="AHN25" s="6"/>
      <c r="AHO25" s="6"/>
      <c r="AHP25" s="6"/>
      <c r="AHQ25" s="6"/>
      <c r="AHR25" s="6"/>
      <c r="AHS25" s="6"/>
      <c r="AHT25" s="6"/>
      <c r="AHU25" s="6"/>
      <c r="AHV25" s="6"/>
      <c r="AHW25" s="6"/>
      <c r="AHX25" s="6"/>
      <c r="AHY25" s="6"/>
      <c r="AHZ25" s="6"/>
      <c r="AIA25" s="6"/>
      <c r="AIB25" s="6"/>
      <c r="AIC25" s="6"/>
      <c r="AID25" s="6"/>
      <c r="AIE25" s="6"/>
      <c r="AIF25" s="6"/>
      <c r="AIG25" s="6"/>
      <c r="AIH25" s="6"/>
      <c r="AII25" s="6"/>
      <c r="AIJ25" s="6"/>
      <c r="AIK25" s="6"/>
      <c r="AIL25" s="6"/>
      <c r="AIM25" s="6"/>
      <c r="AIN25" s="6"/>
      <c r="AIO25" s="6"/>
      <c r="AIP25" s="6"/>
      <c r="AIQ25" s="6"/>
      <c r="AIR25" s="6"/>
      <c r="AIS25" s="6"/>
      <c r="AIT25" s="6"/>
      <c r="AIU25" s="6"/>
      <c r="AIV25" s="6"/>
      <c r="AIW25" s="6"/>
      <c r="AIX25" s="6"/>
      <c r="AIY25" s="6"/>
      <c r="AIZ25" s="6"/>
      <c r="AJA25" s="6"/>
      <c r="AJB25" s="6"/>
      <c r="AJC25" s="6"/>
      <c r="AJD25" s="6"/>
      <c r="AJE25" s="6"/>
      <c r="AJF25" s="6"/>
      <c r="AJG25" s="6"/>
      <c r="AJH25" s="6"/>
      <c r="AJI25" s="6"/>
      <c r="AJJ25" s="6"/>
      <c r="AJK25" s="6"/>
      <c r="AJL25" s="6"/>
      <c r="AJM25" s="6"/>
      <c r="AJN25" s="6"/>
      <c r="AJO25" s="6"/>
      <c r="AJP25" s="6"/>
      <c r="AJQ25" s="6"/>
      <c r="AJR25" s="6"/>
      <c r="AJS25" s="6"/>
      <c r="AJT25" s="6"/>
      <c r="AJU25" s="6"/>
      <c r="AJV25" s="6"/>
      <c r="AJW25" s="6"/>
      <c r="AJX25" s="6"/>
      <c r="AJY25" s="6"/>
      <c r="AJZ25" s="6"/>
      <c r="AKA25" s="6"/>
      <c r="AKB25" s="6"/>
      <c r="AKC25" s="6"/>
      <c r="AKD25" s="6"/>
      <c r="AKE25" s="6"/>
      <c r="AKF25" s="6"/>
      <c r="AKG25" s="6"/>
      <c r="AKH25" s="6"/>
      <c r="AKI25" s="6"/>
      <c r="AKJ25" s="6"/>
      <c r="AKK25" s="6"/>
      <c r="AKL25" s="6"/>
      <c r="AKM25" s="6"/>
      <c r="AKN25" s="6"/>
      <c r="AKO25" s="6"/>
      <c r="AKP25" s="6"/>
      <c r="AKQ25" s="6"/>
      <c r="AKR25" s="6"/>
      <c r="AKS25" s="6"/>
      <c r="AKT25" s="6"/>
      <c r="AKU25" s="6"/>
      <c r="AKV25" s="6"/>
      <c r="AKW25" s="6"/>
      <c r="AKX25" s="6"/>
      <c r="AKY25" s="6"/>
      <c r="AKZ25" s="6"/>
      <c r="ALA25" s="6"/>
      <c r="ALB25" s="6"/>
      <c r="ALC25" s="6"/>
      <c r="ALD25" s="6"/>
      <c r="ALE25" s="6"/>
      <c r="ALF25" s="6"/>
      <c r="ALG25" s="6"/>
      <c r="ALH25" s="6"/>
      <c r="ALI25" s="6"/>
      <c r="ALJ25" s="6"/>
      <c r="ALK25" s="6"/>
      <c r="ALL25" s="6"/>
      <c r="ALM25" s="6"/>
      <c r="ALN25" s="6"/>
      <c r="ALO25" s="6"/>
      <c r="ALP25" s="6"/>
      <c r="ALQ25" s="6"/>
      <c r="ALR25" s="6"/>
      <c r="ALS25" s="6"/>
      <c r="ALT25" s="6"/>
      <c r="ALU25" s="6"/>
      <c r="ALV25" s="6"/>
      <c r="ALW25" s="6"/>
      <c r="ALX25" s="6"/>
      <c r="ALY25" s="6"/>
      <c r="ALZ25" s="6"/>
      <c r="AMA25" s="6"/>
      <c r="AMB25" s="6"/>
      <c r="AMC25" s="6"/>
      <c r="AMD25" s="6"/>
      <c r="AME25" s="6"/>
      <c r="AMF25" s="6"/>
      <c r="AMG25" s="6"/>
      <c r="AMH25" s="6"/>
      <c r="AMI25" s="6"/>
      <c r="AMJ25" s="6"/>
      <c r="AMK25" s="6"/>
      <c r="AML25" s="6"/>
      <c r="AMM25" s="6"/>
      <c r="AMN25" s="6"/>
      <c r="AMO25" s="6"/>
      <c r="AMP25" s="6"/>
      <c r="AMQ25" s="6"/>
      <c r="AMR25" s="6"/>
      <c r="AMS25" s="6"/>
      <c r="AMT25" s="6"/>
      <c r="AMU25" s="6"/>
      <c r="AMV25" s="6"/>
      <c r="AMW25" s="6"/>
      <c r="AMX25" s="6"/>
      <c r="AMY25" s="6"/>
      <c r="AMZ25" s="6"/>
      <c r="ANA25" s="6"/>
      <c r="ANB25" s="6"/>
      <c r="ANC25" s="6"/>
      <c r="AND25" s="6"/>
      <c r="ANE25" s="6"/>
      <c r="ANF25" s="6"/>
      <c r="ANG25" s="6"/>
      <c r="ANH25" s="6"/>
      <c r="ANI25" s="6"/>
      <c r="ANJ25" s="6"/>
      <c r="ANK25" s="6"/>
      <c r="ANL25" s="6"/>
      <c r="ANM25" s="6"/>
      <c r="ANN25" s="6"/>
      <c r="ANO25" s="6"/>
      <c r="ANP25" s="6"/>
      <c r="ANQ25" s="6"/>
      <c r="ANR25" s="6"/>
      <c r="ANS25" s="6"/>
      <c r="ANT25" s="6"/>
      <c r="ANU25" s="6"/>
      <c r="ANV25" s="6"/>
      <c r="ANW25" s="6"/>
      <c r="ANX25" s="6"/>
      <c r="ANY25" s="6"/>
      <c r="ANZ25" s="6"/>
      <c r="AOA25" s="6"/>
      <c r="AOB25" s="6"/>
      <c r="AOC25" s="6"/>
      <c r="AOD25" s="6"/>
      <c r="AOE25" s="6"/>
      <c r="AOF25" s="6"/>
      <c r="AOG25" s="6"/>
      <c r="AOH25" s="6"/>
      <c r="AOI25" s="6"/>
      <c r="AOJ25" s="6"/>
      <c r="AOK25" s="6"/>
      <c r="AOL25" s="6"/>
      <c r="AOM25" s="6"/>
      <c r="AON25" s="6"/>
      <c r="AOO25" s="6"/>
      <c r="AOP25" s="6"/>
      <c r="AOQ25" s="6"/>
      <c r="AOR25" s="6"/>
      <c r="AOS25" s="6"/>
      <c r="AOT25" s="6"/>
      <c r="AOU25" s="6"/>
      <c r="AOV25" s="6"/>
      <c r="AOW25" s="6"/>
      <c r="AOX25" s="6"/>
      <c r="AOY25" s="6"/>
      <c r="AOZ25" s="6"/>
      <c r="APA25" s="6"/>
      <c r="APB25" s="6"/>
      <c r="APC25" s="6"/>
      <c r="APD25" s="6"/>
      <c r="APE25" s="6"/>
      <c r="APF25" s="6"/>
      <c r="APG25" s="6"/>
      <c r="APH25" s="6"/>
      <c r="API25" s="6"/>
      <c r="APJ25" s="6"/>
      <c r="APK25" s="6"/>
      <c r="APL25" s="6"/>
      <c r="APM25" s="6"/>
      <c r="APN25" s="6"/>
      <c r="APO25" s="6"/>
      <c r="APP25" s="6"/>
      <c r="APQ25" s="6"/>
      <c r="APR25" s="6"/>
      <c r="APS25" s="6"/>
      <c r="APT25" s="6"/>
      <c r="APU25" s="6"/>
      <c r="APV25" s="6"/>
      <c r="APW25" s="6"/>
      <c r="APX25" s="6"/>
      <c r="APY25" s="6"/>
      <c r="APZ25" s="6"/>
      <c r="AQA25" s="6"/>
      <c r="AQB25" s="6"/>
      <c r="AQC25" s="6"/>
      <c r="AQD25" s="6"/>
      <c r="AQE25" s="6"/>
      <c r="AQF25" s="6"/>
      <c r="AQG25" s="6"/>
      <c r="AQH25" s="6"/>
      <c r="AQI25" s="6"/>
      <c r="AQJ25" s="6"/>
      <c r="AQK25" s="6"/>
      <c r="AQL25" s="6"/>
      <c r="AQM25" s="6"/>
      <c r="AQN25" s="6"/>
      <c r="AQO25" s="6"/>
      <c r="AQP25" s="6"/>
      <c r="AQQ25" s="6"/>
      <c r="AQR25" s="6"/>
      <c r="AQS25" s="6"/>
      <c r="AQT25" s="6"/>
      <c r="AQU25" s="6"/>
      <c r="AQV25" s="6"/>
      <c r="AQW25" s="6"/>
      <c r="AQX25" s="6"/>
      <c r="AQY25" s="6"/>
      <c r="AQZ25" s="6"/>
      <c r="ARA25" s="6"/>
      <c r="ARB25" s="6"/>
      <c r="ARC25" s="6"/>
      <c r="ARD25" s="6"/>
      <c r="ARE25" s="6"/>
      <c r="ARF25" s="6"/>
      <c r="ARG25" s="6"/>
      <c r="ARH25" s="6"/>
      <c r="ARI25" s="6"/>
      <c r="ARJ25" s="6"/>
      <c r="ARK25" s="6"/>
      <c r="ARL25" s="6"/>
      <c r="ARM25" s="6"/>
      <c r="ARN25" s="6"/>
      <c r="ARO25" s="6"/>
      <c r="ARP25" s="6"/>
      <c r="ARQ25" s="6"/>
      <c r="ARR25" s="6"/>
      <c r="ARS25" s="6"/>
      <c r="ART25" s="6"/>
      <c r="ARU25" s="6"/>
      <c r="ARV25" s="6"/>
      <c r="ARW25" s="6"/>
      <c r="ARX25" s="6"/>
      <c r="ARY25" s="6"/>
      <c r="ARZ25" s="6"/>
      <c r="ASA25" s="6"/>
      <c r="ASB25" s="6"/>
      <c r="ASC25" s="6"/>
      <c r="ASD25" s="6"/>
      <c r="ASE25" s="6"/>
      <c r="ASF25" s="6"/>
      <c r="ASG25" s="6"/>
      <c r="ASH25" s="6"/>
      <c r="ASI25" s="6"/>
      <c r="ASJ25" s="6"/>
      <c r="ASK25" s="6"/>
      <c r="ASL25" s="6"/>
      <c r="ASM25" s="6"/>
      <c r="ASN25" s="6"/>
      <c r="ASO25" s="6"/>
      <c r="ASP25" s="6"/>
      <c r="ASQ25" s="6"/>
      <c r="ASR25" s="6"/>
      <c r="ASS25" s="6"/>
      <c r="AST25" s="6"/>
      <c r="ASU25" s="6"/>
      <c r="ASV25" s="6"/>
      <c r="ASW25" s="6"/>
      <c r="ASX25" s="6"/>
      <c r="ASY25" s="6"/>
      <c r="ASZ25" s="6"/>
      <c r="ATA25" s="6"/>
      <c r="ATB25" s="6"/>
      <c r="ATC25" s="6"/>
      <c r="ATD25" s="6"/>
      <c r="ATE25" s="6"/>
      <c r="ATF25" s="6"/>
      <c r="ATG25" s="6"/>
      <c r="ATH25" s="6"/>
      <c r="ATI25" s="6"/>
      <c r="ATJ25" s="6"/>
      <c r="ATK25" s="6"/>
      <c r="ATL25" s="6"/>
      <c r="ATM25" s="6"/>
      <c r="ATN25" s="6"/>
      <c r="ATO25" s="6"/>
      <c r="ATP25" s="6"/>
      <c r="ATQ25" s="6"/>
      <c r="ATR25" s="6"/>
      <c r="ATS25" s="6"/>
      <c r="ATT25" s="6"/>
      <c r="ATU25" s="6"/>
      <c r="ATV25" s="6"/>
      <c r="ATW25" s="6"/>
      <c r="ATX25" s="6"/>
      <c r="ATY25" s="6"/>
      <c r="ATZ25" s="6"/>
      <c r="AUA25" s="6"/>
      <c r="AUB25" s="6"/>
      <c r="AUC25" s="6"/>
      <c r="AUD25" s="6"/>
      <c r="AUE25" s="6"/>
      <c r="AUF25" s="6"/>
      <c r="AUG25" s="6"/>
      <c r="AUH25" s="6"/>
      <c r="AUI25" s="6"/>
      <c r="AUJ25" s="6"/>
      <c r="AUK25" s="6"/>
      <c r="AUL25" s="6"/>
      <c r="AUM25" s="6"/>
      <c r="AUN25" s="6"/>
      <c r="AUO25" s="6"/>
      <c r="AUP25" s="6"/>
      <c r="AUQ25" s="6"/>
      <c r="AUR25" s="6"/>
      <c r="AUS25" s="6"/>
      <c r="AUT25" s="6"/>
      <c r="AUU25" s="6"/>
      <c r="AUV25" s="6"/>
      <c r="AUW25" s="6"/>
      <c r="AUX25" s="6"/>
      <c r="AUY25" s="6"/>
      <c r="AUZ25" s="6"/>
      <c r="AVA25" s="6"/>
      <c r="AVB25" s="6"/>
      <c r="AVC25" s="6"/>
      <c r="AVD25" s="6"/>
      <c r="AVE25" s="6"/>
      <c r="AVF25" s="6"/>
      <c r="AVG25" s="6"/>
      <c r="AVH25" s="6"/>
      <c r="AVI25" s="6"/>
      <c r="AVJ25" s="6"/>
      <c r="AVK25" s="6"/>
      <c r="AVL25" s="6"/>
      <c r="AVM25" s="6"/>
      <c r="AVN25" s="6"/>
      <c r="AVO25" s="6"/>
      <c r="AVP25" s="6"/>
      <c r="AVQ25" s="6"/>
      <c r="AVR25" s="6"/>
      <c r="AVS25" s="6"/>
      <c r="AVT25" s="6"/>
      <c r="AVU25" s="6"/>
      <c r="AVV25" s="6"/>
      <c r="AVW25" s="6"/>
      <c r="AVX25" s="6"/>
      <c r="AVY25" s="6"/>
      <c r="AVZ25" s="6"/>
      <c r="AWA25" s="6"/>
      <c r="AWB25" s="6"/>
      <c r="AWC25" s="6"/>
      <c r="AWD25" s="6"/>
      <c r="AWE25" s="6"/>
      <c r="AWF25" s="6"/>
      <c r="AWG25" s="6"/>
      <c r="AWH25" s="6"/>
      <c r="AWI25" s="6"/>
      <c r="AWJ25" s="6"/>
      <c r="AWK25" s="6"/>
      <c r="AWL25" s="6"/>
      <c r="AWM25" s="6"/>
      <c r="AWN25" s="6"/>
      <c r="AWO25" s="6"/>
      <c r="AWP25" s="6"/>
      <c r="AWQ25" s="6"/>
      <c r="AWR25" s="6"/>
      <c r="AWS25" s="6"/>
      <c r="AWT25" s="6"/>
      <c r="AWU25" s="6"/>
      <c r="AWV25" s="6"/>
      <c r="AWW25" s="6"/>
      <c r="AWX25" s="6"/>
      <c r="AWY25" s="6"/>
      <c r="AWZ25" s="6"/>
      <c r="AXA25" s="6"/>
      <c r="AXB25" s="6"/>
      <c r="AXC25" s="6"/>
      <c r="AXD25" s="6"/>
      <c r="AXE25" s="6"/>
      <c r="AXF25" s="6"/>
      <c r="AXG25" s="6"/>
      <c r="AXH25" s="6"/>
      <c r="AXI25" s="6"/>
      <c r="AXJ25" s="6"/>
      <c r="AXK25" s="6"/>
      <c r="AXL25" s="6"/>
      <c r="AXM25" s="6"/>
      <c r="AXN25" s="6"/>
      <c r="AXO25" s="6"/>
      <c r="AXP25" s="6"/>
      <c r="AXQ25" s="6"/>
      <c r="AXR25" s="6"/>
      <c r="AXS25" s="6"/>
      <c r="AXT25" s="6"/>
      <c r="AXU25" s="6"/>
      <c r="AXV25" s="6"/>
      <c r="AXW25" s="6"/>
      <c r="AXX25" s="6"/>
      <c r="AXY25" s="6"/>
      <c r="AXZ25" s="6"/>
      <c r="AYA25" s="6"/>
      <c r="AYB25" s="6"/>
      <c r="AYC25" s="6"/>
      <c r="AYD25" s="6"/>
      <c r="AYE25" s="6"/>
      <c r="AYF25" s="6"/>
      <c r="AYG25" s="6"/>
      <c r="AYH25" s="6"/>
      <c r="AYI25" s="6"/>
      <c r="AYJ25" s="6"/>
      <c r="AYK25" s="6"/>
      <c r="AYL25" s="6"/>
      <c r="AYM25" s="6"/>
      <c r="AYN25" s="6"/>
      <c r="AYO25" s="6"/>
      <c r="AYP25" s="6"/>
      <c r="AYQ25" s="6"/>
      <c r="AYR25" s="6"/>
      <c r="AYS25" s="6"/>
      <c r="AYT25" s="6"/>
      <c r="AYU25" s="6"/>
      <c r="AYV25" s="6"/>
      <c r="AYW25" s="6"/>
      <c r="AYX25" s="6"/>
      <c r="AYY25" s="6"/>
      <c r="AYZ25" s="6"/>
      <c r="AZA25" s="6"/>
      <c r="AZB25" s="6"/>
      <c r="AZC25" s="6"/>
      <c r="AZD25" s="6"/>
      <c r="AZE25" s="6"/>
      <c r="AZF25" s="6"/>
      <c r="AZG25" s="6"/>
      <c r="AZH25" s="6"/>
      <c r="AZI25" s="6"/>
      <c r="AZJ25" s="6"/>
      <c r="AZK25" s="6"/>
      <c r="AZL25" s="6"/>
      <c r="AZM25" s="6"/>
      <c r="AZN25" s="6"/>
      <c r="AZO25" s="6"/>
      <c r="AZP25" s="6"/>
      <c r="AZQ25" s="6"/>
      <c r="AZR25" s="6"/>
      <c r="AZS25" s="6"/>
      <c r="AZT25" s="6"/>
      <c r="AZU25" s="6"/>
      <c r="AZV25" s="6"/>
      <c r="AZW25" s="6"/>
      <c r="AZX25" s="6"/>
      <c r="AZY25" s="6"/>
      <c r="AZZ25" s="6"/>
      <c r="BAA25" s="6"/>
      <c r="BAB25" s="6"/>
      <c r="BAC25" s="6"/>
      <c r="BAD25" s="6"/>
      <c r="BAE25" s="6"/>
      <c r="BAF25" s="6"/>
      <c r="BAG25" s="6"/>
      <c r="BAH25" s="6"/>
      <c r="BAI25" s="6"/>
      <c r="BAJ25" s="6"/>
      <c r="BAK25" s="6"/>
      <c r="BAL25" s="6"/>
      <c r="BAM25" s="6"/>
      <c r="BAN25" s="6"/>
      <c r="BAO25" s="6"/>
      <c r="BAP25" s="6"/>
      <c r="BAQ25" s="6"/>
      <c r="BAR25" s="6"/>
      <c r="BAS25" s="6"/>
      <c r="BAT25" s="6"/>
      <c r="BAU25" s="6"/>
      <c r="BAV25" s="6"/>
      <c r="BAW25" s="6"/>
      <c r="BAX25" s="6"/>
      <c r="BAY25" s="6"/>
      <c r="BAZ25" s="6"/>
      <c r="BBA25" s="6"/>
      <c r="BBB25" s="6"/>
      <c r="BBC25" s="6"/>
      <c r="BBD25" s="6"/>
      <c r="BBE25" s="6"/>
      <c r="BBF25" s="6"/>
      <c r="BBG25" s="6"/>
      <c r="BBH25" s="6"/>
      <c r="BBI25" s="6"/>
      <c r="BBJ25" s="6"/>
      <c r="BBK25" s="6"/>
      <c r="BBL25" s="6"/>
      <c r="BBM25" s="6"/>
      <c r="BBN25" s="6"/>
      <c r="BBO25" s="6"/>
      <c r="BBP25" s="6"/>
      <c r="BBQ25" s="6"/>
      <c r="BBR25" s="6"/>
      <c r="BBS25" s="6"/>
      <c r="BBT25" s="6"/>
      <c r="BBU25" s="6"/>
      <c r="BBV25" s="6"/>
      <c r="BBW25" s="6"/>
      <c r="BBX25" s="6"/>
      <c r="BBY25" s="6"/>
      <c r="BBZ25" s="6"/>
      <c r="BCA25" s="6"/>
      <c r="BCB25" s="6"/>
      <c r="BCC25" s="6"/>
      <c r="BCD25" s="6"/>
      <c r="BCE25" s="6"/>
      <c r="BCF25" s="6"/>
      <c r="BCG25" s="6"/>
      <c r="BCH25" s="6"/>
      <c r="BCI25" s="6"/>
      <c r="BCJ25" s="6"/>
      <c r="BCK25" s="6"/>
      <c r="BCL25" s="6"/>
      <c r="BCM25" s="6"/>
      <c r="BCN25" s="6"/>
      <c r="BCO25" s="6"/>
      <c r="BCP25" s="6"/>
      <c r="BCQ25" s="6"/>
      <c r="BCR25" s="6"/>
      <c r="BCS25" s="6"/>
      <c r="BCT25" s="6"/>
      <c r="BCU25" s="6"/>
      <c r="BCV25" s="6"/>
      <c r="BCW25" s="6"/>
      <c r="BCX25" s="6"/>
      <c r="BCY25" s="6"/>
      <c r="BCZ25" s="6"/>
      <c r="BDA25" s="6"/>
      <c r="BDB25" s="6"/>
      <c r="BDC25" s="6"/>
      <c r="BDD25" s="6"/>
      <c r="BDE25" s="6"/>
      <c r="BDF25" s="6"/>
      <c r="BDG25" s="6"/>
      <c r="BDH25" s="6"/>
      <c r="BDI25" s="6"/>
      <c r="BDJ25" s="6"/>
      <c r="BDK25" s="6"/>
      <c r="BDL25" s="6"/>
      <c r="BDM25" s="6"/>
      <c r="BDN25" s="6"/>
      <c r="BDO25" s="6"/>
      <c r="BDP25" s="6"/>
      <c r="BDQ25" s="6"/>
      <c r="BDR25" s="6"/>
      <c r="BDS25" s="6"/>
      <c r="BDT25" s="6"/>
      <c r="BDU25" s="6"/>
      <c r="BDV25" s="6"/>
      <c r="BDW25" s="6"/>
      <c r="BDX25" s="6"/>
      <c r="BDY25" s="6"/>
      <c r="BDZ25" s="6"/>
      <c r="BEA25" s="6"/>
      <c r="BEB25" s="6"/>
      <c r="BEC25" s="6"/>
      <c r="BED25" s="6"/>
      <c r="BEE25" s="6"/>
      <c r="BEF25" s="6"/>
      <c r="BEG25" s="6"/>
      <c r="BEH25" s="6"/>
      <c r="BEI25" s="6"/>
      <c r="BEJ25" s="6"/>
      <c r="BEK25" s="6"/>
      <c r="BEL25" s="6"/>
      <c r="BEM25" s="6"/>
      <c r="BEN25" s="6"/>
      <c r="BEO25" s="6"/>
      <c r="BEP25" s="6"/>
      <c r="BEQ25" s="6"/>
      <c r="BER25" s="6"/>
      <c r="BES25" s="6"/>
      <c r="BET25" s="6"/>
      <c r="BEU25" s="6"/>
      <c r="BEV25" s="6"/>
      <c r="BEW25" s="6"/>
      <c r="BEX25" s="6"/>
      <c r="BEY25" s="6"/>
      <c r="BEZ25" s="6"/>
      <c r="BFA25" s="6"/>
      <c r="BFB25" s="6"/>
      <c r="BFC25" s="6"/>
      <c r="BFD25" s="6"/>
      <c r="BFE25" s="6"/>
      <c r="BFF25" s="6"/>
      <c r="BFG25" s="6"/>
      <c r="BFH25" s="6"/>
      <c r="BFI25" s="6"/>
      <c r="BFJ25" s="6"/>
      <c r="BFK25" s="6"/>
      <c r="BFL25" s="6"/>
      <c r="BFM25" s="6"/>
      <c r="BFN25" s="6"/>
      <c r="BFO25" s="6"/>
      <c r="BFP25" s="6"/>
      <c r="BFQ25" s="6"/>
      <c r="BFR25" s="6"/>
      <c r="BFS25" s="6"/>
      <c r="BFT25" s="6"/>
      <c r="BFU25" s="6"/>
      <c r="BFV25" s="6"/>
      <c r="BFW25" s="6"/>
      <c r="BFX25" s="6"/>
      <c r="BFY25" s="6"/>
      <c r="BFZ25" s="6"/>
      <c r="BGA25" s="6"/>
      <c r="BGB25" s="6"/>
      <c r="BGC25" s="6"/>
      <c r="BGD25" s="6"/>
      <c r="BGE25" s="6"/>
      <c r="BGF25" s="6"/>
      <c r="BGG25" s="6"/>
      <c r="BGH25" s="6"/>
      <c r="BGI25" s="6"/>
      <c r="BGJ25" s="6"/>
      <c r="BGK25" s="6"/>
      <c r="BGL25" s="6"/>
      <c r="BGM25" s="6"/>
      <c r="BGN25" s="6"/>
      <c r="BGO25" s="6"/>
      <c r="BGP25" s="6"/>
      <c r="BGQ25" s="6"/>
      <c r="BGR25" s="6"/>
      <c r="BGS25" s="6"/>
      <c r="BGT25" s="6"/>
      <c r="BGU25" s="6"/>
      <c r="BGV25" s="6"/>
      <c r="BGW25" s="6"/>
      <c r="BGX25" s="6"/>
      <c r="BGY25" s="6"/>
      <c r="BGZ25" s="6"/>
      <c r="BHA25" s="6"/>
      <c r="BHB25" s="6"/>
      <c r="BHC25" s="6"/>
      <c r="BHD25" s="6"/>
      <c r="BHE25" s="6"/>
      <c r="BHF25" s="6"/>
      <c r="BHG25" s="6"/>
      <c r="BHH25" s="6"/>
      <c r="BHI25" s="6"/>
      <c r="BHJ25" s="6"/>
      <c r="BHK25" s="6"/>
      <c r="BHL25" s="6"/>
      <c r="BHM25" s="6"/>
      <c r="BHN25" s="6"/>
      <c r="BHO25" s="6"/>
      <c r="BHP25" s="6"/>
      <c r="BHQ25" s="6"/>
      <c r="BHR25" s="6"/>
      <c r="BHS25" s="6"/>
      <c r="BHT25" s="6"/>
      <c r="BHU25" s="6"/>
      <c r="BHV25" s="6"/>
      <c r="BHW25" s="6"/>
      <c r="BHX25" s="6"/>
      <c r="BHY25" s="6"/>
      <c r="BHZ25" s="6"/>
      <c r="BIA25" s="6"/>
      <c r="BIB25" s="6"/>
      <c r="BIC25" s="6"/>
      <c r="BID25" s="6"/>
      <c r="BIE25" s="6"/>
      <c r="BIF25" s="6"/>
      <c r="BIG25" s="6"/>
      <c r="BIH25" s="6"/>
      <c r="BII25" s="6"/>
      <c r="BIJ25" s="6"/>
      <c r="BIK25" s="6"/>
      <c r="BIL25" s="6"/>
      <c r="BIM25" s="6"/>
      <c r="BIN25" s="6"/>
      <c r="BIO25" s="6"/>
      <c r="BIP25" s="6"/>
      <c r="BIQ25" s="6"/>
      <c r="BIR25" s="6"/>
      <c r="BIS25" s="6"/>
      <c r="BIT25" s="6"/>
      <c r="BIU25" s="6"/>
      <c r="BIV25" s="6"/>
      <c r="BIW25" s="6"/>
      <c r="BIX25" s="6"/>
      <c r="BIY25" s="6"/>
      <c r="BIZ25" s="6"/>
      <c r="BJA25" s="6"/>
      <c r="BJB25" s="6"/>
      <c r="BJC25" s="6"/>
      <c r="BJD25" s="6"/>
      <c r="BJE25" s="6"/>
      <c r="BJF25" s="6"/>
      <c r="BJG25" s="6"/>
      <c r="BJH25" s="6"/>
      <c r="BJI25" s="6"/>
      <c r="BJJ25" s="6"/>
      <c r="BJK25" s="6"/>
      <c r="BJL25" s="6"/>
      <c r="BJM25" s="6"/>
      <c r="BJN25" s="6"/>
      <c r="BJO25" s="6"/>
      <c r="BJP25" s="6"/>
      <c r="BJQ25" s="6"/>
      <c r="BJR25" s="6"/>
      <c r="BJS25" s="6"/>
      <c r="BJT25" s="6"/>
      <c r="BJU25" s="6"/>
      <c r="BJV25" s="6"/>
      <c r="BJW25" s="6"/>
      <c r="BJX25" s="6"/>
      <c r="BJY25" s="6"/>
      <c r="BJZ25" s="6"/>
      <c r="BKA25" s="6"/>
      <c r="BKB25" s="6"/>
      <c r="BKC25" s="6"/>
      <c r="BKD25" s="6"/>
      <c r="BKE25" s="6"/>
      <c r="BKF25" s="6"/>
      <c r="BKG25" s="6"/>
      <c r="BKH25" s="6"/>
      <c r="BKI25" s="6"/>
      <c r="BKJ25" s="6"/>
      <c r="BKK25" s="6"/>
      <c r="BKL25" s="6"/>
      <c r="BKM25" s="6"/>
      <c r="BKN25" s="6"/>
      <c r="BKO25" s="6"/>
      <c r="BKP25" s="6"/>
      <c r="BKQ25" s="6"/>
      <c r="BKR25" s="6"/>
      <c r="BKS25" s="6"/>
      <c r="BKT25" s="6"/>
      <c r="BKU25" s="6"/>
      <c r="BKV25" s="6"/>
      <c r="BKW25" s="6"/>
      <c r="BKX25" s="6"/>
      <c r="BKY25" s="6"/>
      <c r="BKZ25" s="6"/>
      <c r="BLA25" s="6"/>
      <c r="BLB25" s="6"/>
      <c r="BLC25" s="6"/>
      <c r="BLD25" s="6"/>
      <c r="BLE25" s="6"/>
      <c r="BLF25" s="6"/>
      <c r="BLG25" s="6"/>
      <c r="BLH25" s="6"/>
      <c r="BLI25" s="6"/>
      <c r="BLJ25" s="6"/>
      <c r="BLK25" s="6"/>
      <c r="BLL25" s="6"/>
      <c r="BLM25" s="6"/>
      <c r="BLN25" s="6"/>
      <c r="BLO25" s="6"/>
      <c r="BLP25" s="6"/>
      <c r="BLQ25" s="6"/>
      <c r="BLR25" s="6"/>
      <c r="BLS25" s="6"/>
      <c r="BLT25" s="6"/>
      <c r="BLU25" s="6"/>
      <c r="BLV25" s="6"/>
      <c r="BLW25" s="6"/>
      <c r="BLX25" s="6"/>
      <c r="BLY25" s="6"/>
      <c r="BLZ25" s="6"/>
      <c r="BMA25" s="6"/>
      <c r="BMB25" s="6"/>
      <c r="BMC25" s="6"/>
      <c r="BMD25" s="6"/>
      <c r="BME25" s="6"/>
      <c r="BMF25" s="6"/>
      <c r="BMG25" s="6"/>
      <c r="BMH25" s="6"/>
      <c r="BMI25" s="6"/>
      <c r="BMJ25" s="6"/>
      <c r="BMK25" s="6"/>
      <c r="BML25" s="6"/>
      <c r="BMM25" s="6"/>
      <c r="BMN25" s="6"/>
      <c r="BMO25" s="6"/>
      <c r="BMP25" s="6"/>
      <c r="BMQ25" s="6"/>
      <c r="BMR25" s="6"/>
      <c r="BMS25" s="6"/>
      <c r="BMT25" s="6"/>
      <c r="BMU25" s="6"/>
      <c r="BMV25" s="6"/>
      <c r="BMW25" s="6"/>
      <c r="BMX25" s="6"/>
      <c r="BMY25" s="6"/>
      <c r="BMZ25" s="6"/>
      <c r="BNA25" s="6"/>
      <c r="BNB25" s="6"/>
      <c r="BNC25" s="6"/>
      <c r="BND25" s="6"/>
      <c r="BNE25" s="6"/>
      <c r="BNF25" s="6"/>
      <c r="BNG25" s="6"/>
      <c r="BNH25" s="6"/>
      <c r="BNI25" s="6"/>
      <c r="BNJ25" s="6"/>
      <c r="BNK25" s="6"/>
      <c r="BNL25" s="6"/>
      <c r="BNM25" s="6"/>
      <c r="BNN25" s="6"/>
      <c r="BNO25" s="6"/>
      <c r="BNP25" s="6"/>
      <c r="BNQ25" s="6"/>
      <c r="BNR25" s="6"/>
      <c r="BNS25" s="6"/>
      <c r="BNT25" s="6"/>
      <c r="BNU25" s="6"/>
      <c r="BNV25" s="6"/>
      <c r="BNW25" s="6"/>
      <c r="BNX25" s="6"/>
      <c r="BNY25" s="6"/>
      <c r="BNZ25" s="6"/>
      <c r="BOA25" s="6"/>
      <c r="BOB25" s="6"/>
      <c r="BOC25" s="6"/>
      <c r="BOD25" s="6"/>
      <c r="BOE25" s="6"/>
      <c r="BOF25" s="6"/>
      <c r="BOG25" s="6"/>
      <c r="BOH25" s="6"/>
      <c r="BOI25" s="6"/>
      <c r="BOJ25" s="6"/>
      <c r="BOK25" s="6"/>
      <c r="BOL25" s="6"/>
      <c r="BOM25" s="6"/>
      <c r="BON25" s="6"/>
      <c r="BOO25" s="6"/>
      <c r="BOP25" s="6"/>
      <c r="BOQ25" s="6"/>
      <c r="BOR25" s="6"/>
      <c r="BOS25" s="6"/>
      <c r="BOT25" s="6"/>
      <c r="BOU25" s="6"/>
      <c r="BOV25" s="6"/>
      <c r="BOW25" s="6"/>
      <c r="BOX25" s="6"/>
      <c r="BOY25" s="6"/>
      <c r="BOZ25" s="6"/>
      <c r="BPA25" s="6"/>
      <c r="BPB25" s="6"/>
      <c r="BPC25" s="6"/>
      <c r="BPD25" s="6"/>
      <c r="BPE25" s="6"/>
      <c r="BPF25" s="6"/>
      <c r="BPG25" s="6"/>
      <c r="BPH25" s="6"/>
      <c r="BPI25" s="6"/>
      <c r="BPJ25" s="6"/>
      <c r="BPK25" s="6"/>
      <c r="BPL25" s="6"/>
      <c r="BPM25" s="6"/>
      <c r="BPN25" s="6"/>
      <c r="BPO25" s="6"/>
      <c r="BPP25" s="6"/>
      <c r="BPQ25" s="6"/>
      <c r="BPR25" s="6"/>
      <c r="BPS25" s="6"/>
      <c r="BPT25" s="6"/>
      <c r="BPU25" s="6"/>
      <c r="BPV25" s="6"/>
      <c r="BPW25" s="6"/>
      <c r="BPX25" s="6"/>
      <c r="BPY25" s="6"/>
      <c r="BPZ25" s="6"/>
      <c r="BQA25" s="6"/>
      <c r="BQB25" s="6"/>
      <c r="BQC25" s="6"/>
      <c r="BQD25" s="6"/>
      <c r="BQE25" s="6"/>
      <c r="BQF25" s="6"/>
      <c r="BQG25" s="6"/>
      <c r="BQH25" s="6"/>
      <c r="BQI25" s="6"/>
      <c r="BQJ25" s="6"/>
      <c r="BQK25" s="6"/>
      <c r="BQL25" s="6"/>
      <c r="BQM25" s="6"/>
      <c r="BQN25" s="6"/>
      <c r="BQO25" s="6"/>
      <c r="BQP25" s="6"/>
      <c r="BQQ25" s="6"/>
      <c r="BQR25" s="6"/>
      <c r="BQS25" s="6"/>
      <c r="BQT25" s="6"/>
      <c r="BQU25" s="6"/>
      <c r="BQV25" s="6"/>
      <c r="BQW25" s="6"/>
      <c r="BQX25" s="6"/>
      <c r="BQY25" s="6"/>
      <c r="BQZ25" s="6"/>
      <c r="BRA25" s="6"/>
      <c r="BRB25" s="6"/>
      <c r="BRC25" s="6"/>
      <c r="BRD25" s="6"/>
      <c r="BRE25" s="6"/>
      <c r="BRF25" s="6"/>
      <c r="BRG25" s="6"/>
      <c r="BRH25" s="6"/>
      <c r="BRI25" s="6"/>
      <c r="BRJ25" s="6"/>
      <c r="BRK25" s="6"/>
      <c r="BRL25" s="6"/>
      <c r="BRM25" s="6"/>
      <c r="BRN25" s="6"/>
      <c r="BRO25" s="6"/>
      <c r="BRP25" s="6"/>
      <c r="BRQ25" s="6"/>
      <c r="BRR25" s="6"/>
      <c r="BRS25" s="6"/>
      <c r="BRT25" s="6"/>
      <c r="BRU25" s="6"/>
      <c r="BRV25" s="6"/>
      <c r="BRW25" s="6"/>
      <c r="BRX25" s="6"/>
      <c r="BRY25" s="6"/>
      <c r="BRZ25" s="6"/>
      <c r="BSA25" s="6"/>
      <c r="BSB25" s="6"/>
      <c r="BSC25" s="6"/>
      <c r="BSD25" s="6"/>
      <c r="BSE25" s="6"/>
      <c r="BSF25" s="6"/>
      <c r="BSG25" s="6"/>
      <c r="BSH25" s="6"/>
      <c r="BSI25" s="6"/>
      <c r="BSJ25" s="6"/>
      <c r="BSK25" s="6"/>
      <c r="BSL25" s="6"/>
      <c r="BSM25" s="6"/>
      <c r="BSN25" s="6"/>
      <c r="BSO25" s="6"/>
      <c r="BSP25" s="6"/>
      <c r="BSQ25" s="6"/>
      <c r="BSR25" s="6"/>
      <c r="BSS25" s="6"/>
      <c r="BST25" s="6"/>
      <c r="BSU25" s="6"/>
      <c r="BSV25" s="6"/>
      <c r="BSW25" s="6"/>
      <c r="BSX25" s="6"/>
      <c r="BSY25" s="6"/>
      <c r="BSZ25" s="6"/>
      <c r="BTA25" s="6"/>
      <c r="BTB25" s="6"/>
      <c r="BTC25" s="6"/>
      <c r="BTD25" s="6"/>
      <c r="BTE25" s="6"/>
      <c r="BTF25" s="6"/>
      <c r="BTG25" s="6"/>
      <c r="BTH25" s="6"/>
      <c r="BTI25" s="6"/>
      <c r="BTJ25" s="6"/>
      <c r="BTK25" s="6"/>
      <c r="BTL25" s="6"/>
      <c r="BTM25" s="6"/>
      <c r="BTN25" s="6"/>
      <c r="BTO25" s="6"/>
      <c r="BTP25" s="6"/>
      <c r="BTQ25" s="6"/>
      <c r="BTR25" s="6"/>
      <c r="BTS25" s="6"/>
      <c r="BTT25" s="6"/>
      <c r="BTU25" s="6"/>
      <c r="BTV25" s="6"/>
      <c r="BTW25" s="6"/>
      <c r="BTX25" s="6"/>
      <c r="BTY25" s="6"/>
      <c r="BTZ25" s="6"/>
      <c r="BUA25" s="6"/>
      <c r="BUB25" s="6"/>
      <c r="BUC25" s="6"/>
      <c r="BUD25" s="6"/>
      <c r="BUE25" s="6"/>
      <c r="BUF25" s="6"/>
      <c r="BUG25" s="6"/>
      <c r="BUH25" s="6"/>
      <c r="BUI25" s="6"/>
      <c r="BUJ25" s="6"/>
      <c r="BUK25" s="6"/>
      <c r="BUL25" s="6"/>
      <c r="BUM25" s="6"/>
      <c r="BUN25" s="6"/>
      <c r="BUO25" s="6"/>
      <c r="BUP25" s="6"/>
      <c r="BUQ25" s="6"/>
      <c r="BUR25" s="6"/>
      <c r="BUS25" s="6"/>
      <c r="BUT25" s="6"/>
      <c r="BUU25" s="6"/>
      <c r="BUV25" s="6"/>
      <c r="BUW25" s="6"/>
      <c r="BUX25" s="6"/>
      <c r="BUY25" s="6"/>
      <c r="BUZ25" s="6"/>
      <c r="BVA25" s="6"/>
      <c r="BVB25" s="6"/>
      <c r="BVC25" s="6"/>
      <c r="BVD25" s="6"/>
      <c r="BVE25" s="6"/>
      <c r="BVF25" s="6"/>
      <c r="BVG25" s="6"/>
      <c r="BVH25" s="6"/>
      <c r="BVI25" s="6"/>
      <c r="BVJ25" s="6"/>
      <c r="BVK25" s="6"/>
      <c r="BVL25" s="6"/>
      <c r="BVM25" s="6"/>
      <c r="BVN25" s="6"/>
      <c r="BVO25" s="6"/>
      <c r="BVP25" s="6"/>
      <c r="BVQ25" s="6"/>
      <c r="BVR25" s="6"/>
      <c r="BVS25" s="6"/>
      <c r="BVT25" s="6"/>
      <c r="BVU25" s="6"/>
      <c r="BVV25" s="6"/>
      <c r="BVW25" s="6"/>
      <c r="BVX25" s="6"/>
      <c r="BVY25" s="6"/>
      <c r="BVZ25" s="6"/>
      <c r="BWA25" s="6"/>
      <c r="BWB25" s="6"/>
      <c r="BWC25" s="6"/>
      <c r="BWD25" s="6"/>
      <c r="BWE25" s="6"/>
      <c r="BWF25" s="6"/>
      <c r="BWG25" s="6"/>
      <c r="BWH25" s="6"/>
      <c r="BWI25" s="6"/>
      <c r="BWJ25" s="6"/>
      <c r="BWK25" s="6"/>
      <c r="BWL25" s="6"/>
      <c r="BWM25" s="6"/>
      <c r="BWN25" s="6"/>
      <c r="BWO25" s="6"/>
      <c r="BWP25" s="6"/>
      <c r="BWQ25" s="6"/>
      <c r="BWR25" s="6"/>
      <c r="BWS25" s="6"/>
      <c r="BWT25" s="6"/>
      <c r="BWU25" s="6"/>
      <c r="BWV25" s="6"/>
      <c r="BWW25" s="6"/>
      <c r="BWX25" s="6"/>
      <c r="BWY25" s="6"/>
      <c r="BWZ25" s="6"/>
      <c r="BXA25" s="6"/>
      <c r="BXB25" s="6"/>
      <c r="BXC25" s="6"/>
      <c r="BXD25" s="6"/>
      <c r="BXE25" s="6"/>
      <c r="BXF25" s="6"/>
      <c r="BXG25" s="6"/>
      <c r="BXH25" s="6"/>
      <c r="BXI25" s="6"/>
      <c r="BXJ25" s="6"/>
      <c r="BXK25" s="6"/>
      <c r="BXL25" s="6"/>
      <c r="BXM25" s="6"/>
      <c r="BXN25" s="6"/>
      <c r="BXO25" s="6"/>
      <c r="BXP25" s="6"/>
      <c r="BXQ25" s="6"/>
      <c r="BXR25" s="6"/>
      <c r="BXS25" s="6"/>
      <c r="BXT25" s="6"/>
      <c r="BXU25" s="6"/>
      <c r="BXV25" s="6"/>
      <c r="BXW25" s="6"/>
      <c r="BXX25" s="6"/>
      <c r="BXY25" s="6"/>
      <c r="BXZ25" s="6"/>
      <c r="BYA25" s="6"/>
      <c r="BYB25" s="6"/>
      <c r="BYC25" s="6"/>
      <c r="BYD25" s="6"/>
      <c r="BYE25" s="6"/>
      <c r="BYF25" s="6"/>
      <c r="BYG25" s="6"/>
      <c r="BYH25" s="6"/>
      <c r="BYI25" s="6"/>
      <c r="BYJ25" s="6"/>
      <c r="BYK25" s="6"/>
      <c r="BYL25" s="6"/>
      <c r="BYM25" s="6"/>
      <c r="BYN25" s="6"/>
      <c r="BYO25" s="6"/>
      <c r="BYP25" s="6"/>
      <c r="BYQ25" s="6"/>
      <c r="BYR25" s="6"/>
      <c r="BYS25" s="6"/>
      <c r="BYT25" s="6"/>
      <c r="BYU25" s="6"/>
      <c r="BYV25" s="6"/>
      <c r="BYW25" s="6"/>
      <c r="BYX25" s="6"/>
      <c r="BYY25" s="6"/>
      <c r="BYZ25" s="6"/>
      <c r="BZA25" s="6"/>
      <c r="BZB25" s="6"/>
      <c r="BZC25" s="6"/>
      <c r="BZD25" s="6"/>
      <c r="BZE25" s="6"/>
      <c r="BZF25" s="6"/>
      <c r="BZG25" s="6"/>
      <c r="BZH25" s="6"/>
      <c r="BZI25" s="6"/>
      <c r="BZJ25" s="6"/>
      <c r="BZK25" s="6"/>
      <c r="BZL25" s="6"/>
      <c r="BZM25" s="6"/>
      <c r="BZN25" s="6"/>
      <c r="BZO25" s="6"/>
      <c r="BZP25" s="6"/>
      <c r="BZQ25" s="6"/>
      <c r="BZR25" s="6"/>
      <c r="BZS25" s="6"/>
      <c r="BZT25" s="6"/>
      <c r="BZU25" s="6"/>
      <c r="BZV25" s="6"/>
      <c r="BZW25" s="6"/>
      <c r="BZX25" s="6"/>
      <c r="BZY25" s="6"/>
      <c r="BZZ25" s="6"/>
      <c r="CAA25" s="6"/>
      <c r="CAB25" s="6"/>
      <c r="CAC25" s="6"/>
      <c r="CAD25" s="6"/>
      <c r="CAE25" s="6"/>
      <c r="CAF25" s="6"/>
      <c r="CAG25" s="6"/>
      <c r="CAH25" s="6"/>
      <c r="CAI25" s="6"/>
      <c r="CAJ25" s="6"/>
      <c r="CAK25" s="6"/>
      <c r="CAL25" s="6"/>
      <c r="CAM25" s="6"/>
      <c r="CAN25" s="6"/>
      <c r="CAO25" s="6"/>
      <c r="CAP25" s="6"/>
      <c r="CAQ25" s="6"/>
      <c r="CAR25" s="6"/>
      <c r="CAS25" s="6"/>
      <c r="CAT25" s="6"/>
      <c r="CAU25" s="6"/>
      <c r="CAV25" s="6"/>
      <c r="CAW25" s="6"/>
      <c r="CAX25" s="6"/>
      <c r="CAY25" s="6"/>
      <c r="CAZ25" s="6"/>
      <c r="CBA25" s="6"/>
      <c r="CBB25" s="6"/>
      <c r="CBC25" s="6"/>
      <c r="CBD25" s="6"/>
      <c r="CBE25" s="6"/>
      <c r="CBF25" s="6"/>
      <c r="CBG25" s="6"/>
      <c r="CBH25" s="6"/>
      <c r="CBI25" s="6"/>
      <c r="CBJ25" s="6"/>
      <c r="CBK25" s="6"/>
      <c r="CBL25" s="6"/>
      <c r="CBM25" s="6"/>
      <c r="CBN25" s="6"/>
      <c r="CBO25" s="6"/>
      <c r="CBP25" s="6"/>
      <c r="CBQ25" s="6"/>
      <c r="CBR25" s="6"/>
      <c r="CBS25" s="6"/>
      <c r="CBT25" s="6"/>
      <c r="CBU25" s="6"/>
      <c r="CBV25" s="6"/>
      <c r="CBW25" s="6"/>
      <c r="CBX25" s="6"/>
      <c r="CBY25" s="6"/>
      <c r="CBZ25" s="6"/>
      <c r="CCA25" s="6"/>
      <c r="CCB25" s="6"/>
      <c r="CCC25" s="6"/>
      <c r="CCD25" s="6"/>
      <c r="CCE25" s="6"/>
      <c r="CCF25" s="6"/>
      <c r="CCG25" s="6"/>
      <c r="CCH25" s="6"/>
      <c r="CCI25" s="6"/>
      <c r="CCJ25" s="6"/>
      <c r="CCK25" s="6"/>
      <c r="CCL25" s="6"/>
      <c r="CCM25" s="6"/>
      <c r="CCN25" s="6"/>
      <c r="CCO25" s="6"/>
      <c r="CCP25" s="6"/>
      <c r="CCQ25" s="6"/>
      <c r="CCR25" s="6"/>
      <c r="CCS25" s="6"/>
      <c r="CCT25" s="6"/>
      <c r="CCU25" s="6"/>
      <c r="CCV25" s="6"/>
      <c r="CCW25" s="6"/>
      <c r="CCX25" s="6"/>
      <c r="CCY25" s="6"/>
      <c r="CCZ25" s="6"/>
      <c r="CDA25" s="6"/>
      <c r="CDB25" s="6"/>
      <c r="CDC25" s="6"/>
      <c r="CDD25" s="6"/>
      <c r="CDE25" s="6"/>
      <c r="CDF25" s="6"/>
      <c r="CDG25" s="6"/>
      <c r="CDH25" s="6"/>
      <c r="CDI25" s="6"/>
      <c r="CDJ25" s="6"/>
      <c r="CDK25" s="6"/>
      <c r="CDL25" s="6"/>
      <c r="CDM25" s="6"/>
      <c r="CDN25" s="6"/>
      <c r="CDO25" s="6"/>
      <c r="CDP25" s="6"/>
      <c r="CDQ25" s="6"/>
      <c r="CDR25" s="6"/>
      <c r="CDS25" s="6"/>
      <c r="CDT25" s="6"/>
      <c r="CDU25" s="6"/>
      <c r="CDV25" s="6"/>
      <c r="CDW25" s="6"/>
      <c r="CDX25" s="6"/>
      <c r="CDY25" s="6"/>
      <c r="CDZ25" s="6"/>
      <c r="CEA25" s="6"/>
      <c r="CEB25" s="6"/>
      <c r="CEC25" s="6"/>
      <c r="CED25" s="6"/>
      <c r="CEE25" s="6"/>
      <c r="CEF25" s="6"/>
      <c r="CEG25" s="6"/>
      <c r="CEH25" s="6"/>
      <c r="CEI25" s="6"/>
      <c r="CEJ25" s="6"/>
      <c r="CEK25" s="6"/>
      <c r="CEL25" s="6"/>
      <c r="CEM25" s="6"/>
      <c r="CEN25" s="6"/>
      <c r="CEO25" s="6"/>
      <c r="CEP25" s="6"/>
      <c r="CEQ25" s="6"/>
      <c r="CER25" s="6"/>
      <c r="CES25" s="6"/>
      <c r="CET25" s="6"/>
      <c r="CEU25" s="6"/>
      <c r="CEV25" s="6"/>
      <c r="CEW25" s="6"/>
      <c r="CEX25" s="6"/>
      <c r="CEY25" s="6"/>
      <c r="CEZ25" s="6"/>
      <c r="CFA25" s="6"/>
      <c r="CFB25" s="6"/>
      <c r="CFC25" s="6"/>
      <c r="CFD25" s="6"/>
      <c r="CFE25" s="6"/>
      <c r="CFF25" s="6"/>
      <c r="CFG25" s="6"/>
      <c r="CFH25" s="6"/>
      <c r="CFI25" s="6"/>
      <c r="CFJ25" s="6"/>
      <c r="CFK25" s="6"/>
      <c r="CFL25" s="6"/>
      <c r="CFM25" s="6"/>
      <c r="CFN25" s="6"/>
      <c r="CFO25" s="6"/>
      <c r="CFP25" s="6"/>
      <c r="CFQ25" s="6"/>
      <c r="CFR25" s="6"/>
      <c r="CFS25" s="6"/>
      <c r="CFT25" s="6"/>
      <c r="CFU25" s="6"/>
      <c r="CFV25" s="6"/>
      <c r="CFW25" s="6"/>
      <c r="CFX25" s="6"/>
      <c r="CFY25" s="6"/>
      <c r="CFZ25" s="6"/>
      <c r="CGA25" s="6"/>
      <c r="CGB25" s="6"/>
      <c r="CGC25" s="6"/>
      <c r="CGD25" s="6"/>
      <c r="CGE25" s="6"/>
      <c r="CGF25" s="6"/>
      <c r="CGG25" s="6"/>
      <c r="CGH25" s="6"/>
      <c r="CGI25" s="6"/>
      <c r="CGJ25" s="6"/>
      <c r="CGK25" s="6"/>
      <c r="CGL25" s="6"/>
      <c r="CGM25" s="6"/>
      <c r="CGN25" s="6"/>
      <c r="CGO25" s="6"/>
      <c r="CGP25" s="6"/>
      <c r="CGQ25" s="6"/>
      <c r="CGR25" s="6"/>
      <c r="CGS25" s="6"/>
      <c r="CGT25" s="6"/>
      <c r="CGU25" s="6"/>
      <c r="CGV25" s="6"/>
      <c r="CGW25" s="6"/>
      <c r="CGX25" s="6"/>
      <c r="CGY25" s="6"/>
      <c r="CGZ25" s="6"/>
      <c r="CHA25" s="6"/>
      <c r="CHB25" s="6"/>
      <c r="CHC25" s="6"/>
      <c r="CHD25" s="6"/>
      <c r="CHE25" s="6"/>
      <c r="CHF25" s="6"/>
      <c r="CHG25" s="6"/>
      <c r="CHH25" s="6"/>
      <c r="CHI25" s="6"/>
      <c r="CHJ25" s="6"/>
      <c r="CHK25" s="6"/>
      <c r="CHL25" s="6"/>
      <c r="CHM25" s="6"/>
      <c r="CHN25" s="6"/>
      <c r="CHO25" s="6"/>
      <c r="CHP25" s="6"/>
      <c r="CHQ25" s="6"/>
      <c r="CHR25" s="6"/>
      <c r="CHS25" s="6"/>
      <c r="CHT25" s="6"/>
      <c r="CHU25" s="6"/>
      <c r="CHV25" s="6"/>
      <c r="CHW25" s="6"/>
      <c r="CHX25" s="6"/>
      <c r="CHY25" s="6"/>
      <c r="CHZ25" s="6"/>
      <c r="CIA25" s="6"/>
      <c r="CIB25" s="6"/>
      <c r="CIC25" s="6"/>
      <c r="CID25" s="6"/>
      <c r="CIE25" s="6"/>
      <c r="CIF25" s="6"/>
      <c r="CIG25" s="6"/>
      <c r="CIH25" s="6"/>
      <c r="CII25" s="6"/>
      <c r="CIJ25" s="6"/>
      <c r="CIK25" s="6"/>
      <c r="CIL25" s="6"/>
      <c r="CIM25" s="6"/>
      <c r="CIN25" s="6"/>
      <c r="CIO25" s="6"/>
      <c r="CIP25" s="6"/>
      <c r="CIQ25" s="6"/>
      <c r="CIR25" s="6"/>
      <c r="CIS25" s="6"/>
      <c r="CIT25" s="6"/>
      <c r="CIU25" s="6"/>
      <c r="CIV25" s="6"/>
      <c r="CIW25" s="6"/>
      <c r="CIX25" s="6"/>
      <c r="CIY25" s="6"/>
      <c r="CIZ25" s="6"/>
      <c r="CJA25" s="6"/>
      <c r="CJB25" s="6"/>
      <c r="CJC25" s="6"/>
      <c r="CJD25" s="6"/>
      <c r="CJE25" s="6"/>
      <c r="CJF25" s="6"/>
      <c r="CJG25" s="6"/>
      <c r="CJH25" s="6"/>
      <c r="CJI25" s="6"/>
      <c r="CJJ25" s="6"/>
      <c r="CJK25" s="6"/>
      <c r="CJL25" s="6"/>
      <c r="CJM25" s="6"/>
      <c r="CJN25" s="6"/>
      <c r="CJO25" s="6"/>
      <c r="CJP25" s="6"/>
      <c r="CJQ25" s="6"/>
      <c r="CJR25" s="6"/>
      <c r="CJS25" s="6"/>
      <c r="CJT25" s="6"/>
      <c r="CJU25" s="6"/>
      <c r="CJV25" s="6"/>
      <c r="CJW25" s="6"/>
      <c r="CJX25" s="6"/>
      <c r="CJY25" s="6"/>
      <c r="CJZ25" s="6"/>
      <c r="CKA25" s="6"/>
      <c r="CKB25" s="6"/>
      <c r="CKC25" s="6"/>
      <c r="CKD25" s="6"/>
      <c r="CKE25" s="6"/>
      <c r="CKF25" s="6"/>
      <c r="CKG25" s="6"/>
      <c r="CKH25" s="6"/>
      <c r="CKI25" s="6"/>
      <c r="CKJ25" s="6"/>
      <c r="CKK25" s="6"/>
      <c r="CKL25" s="6"/>
      <c r="CKM25" s="6"/>
      <c r="CKN25" s="6"/>
      <c r="CKO25" s="6"/>
      <c r="CKP25" s="6"/>
      <c r="CKQ25" s="6"/>
      <c r="CKR25" s="6"/>
      <c r="CKS25" s="6"/>
      <c r="CKT25" s="6"/>
      <c r="CKU25" s="6"/>
      <c r="CKV25" s="6"/>
      <c r="CKW25" s="6"/>
      <c r="CKX25" s="6"/>
      <c r="CKY25" s="6"/>
      <c r="CKZ25" s="6"/>
      <c r="CLA25" s="6"/>
      <c r="CLB25" s="6"/>
      <c r="CLC25" s="6"/>
      <c r="CLD25" s="6"/>
      <c r="CLE25" s="6"/>
      <c r="CLF25" s="6"/>
      <c r="CLG25" s="6"/>
      <c r="CLH25" s="6"/>
      <c r="CLI25" s="6"/>
      <c r="CLJ25" s="6"/>
      <c r="CLK25" s="6"/>
      <c r="CLL25" s="6"/>
      <c r="CLM25" s="6"/>
      <c r="CLN25" s="6"/>
      <c r="CLO25" s="6"/>
      <c r="CLP25" s="6"/>
      <c r="CLQ25" s="6"/>
      <c r="CLR25" s="6"/>
      <c r="CLS25" s="6"/>
      <c r="CLT25" s="6"/>
      <c r="CLU25" s="6"/>
      <c r="CLV25" s="6"/>
      <c r="CLW25" s="6"/>
      <c r="CLX25" s="6"/>
      <c r="CLY25" s="6"/>
      <c r="CLZ25" s="6"/>
      <c r="CMA25" s="6"/>
      <c r="CMB25" s="6"/>
      <c r="CMC25" s="6"/>
      <c r="CMD25" s="6"/>
      <c r="CME25" s="6"/>
      <c r="CMF25" s="6"/>
      <c r="CMG25" s="6"/>
      <c r="CMH25" s="6"/>
      <c r="CMI25" s="6"/>
      <c r="CMJ25" s="6"/>
      <c r="CMK25" s="6"/>
      <c r="CML25" s="6"/>
      <c r="CMM25" s="6"/>
      <c r="CMN25" s="6"/>
      <c r="CMO25" s="6"/>
      <c r="CMP25" s="6"/>
      <c r="CMQ25" s="6"/>
      <c r="CMR25" s="6"/>
      <c r="CMS25" s="6"/>
      <c r="CMT25" s="6"/>
      <c r="CMU25" s="6"/>
      <c r="CMV25" s="6"/>
      <c r="CMW25" s="6"/>
      <c r="CMX25" s="6"/>
      <c r="CMY25" s="6"/>
      <c r="CMZ25" s="6"/>
      <c r="CNA25" s="6"/>
      <c r="CNB25" s="6"/>
      <c r="CNC25" s="6"/>
      <c r="CND25" s="6"/>
      <c r="CNE25" s="6"/>
      <c r="CNF25" s="6"/>
      <c r="CNG25" s="6"/>
      <c r="CNH25" s="6"/>
      <c r="CNI25" s="6"/>
      <c r="CNJ25" s="6"/>
      <c r="CNK25" s="6"/>
      <c r="CNL25" s="6"/>
      <c r="CNM25" s="6"/>
      <c r="CNN25" s="6"/>
      <c r="CNO25" s="6"/>
      <c r="CNP25" s="6"/>
      <c r="CNQ25" s="6"/>
      <c r="CNR25" s="6"/>
      <c r="CNS25" s="6"/>
      <c r="CNT25" s="6"/>
      <c r="CNU25" s="6"/>
      <c r="CNV25" s="6"/>
      <c r="CNW25" s="6"/>
      <c r="CNX25" s="6"/>
      <c r="CNY25" s="6"/>
      <c r="CNZ25" s="6"/>
      <c r="COA25" s="6"/>
      <c r="COB25" s="6"/>
      <c r="COC25" s="6"/>
      <c r="COD25" s="6"/>
      <c r="COE25" s="6"/>
      <c r="COF25" s="6"/>
      <c r="COG25" s="6"/>
      <c r="COH25" s="6"/>
      <c r="COI25" s="6"/>
      <c r="COJ25" s="6"/>
      <c r="COK25" s="6"/>
      <c r="COL25" s="6"/>
      <c r="COM25" s="6"/>
      <c r="CON25" s="6"/>
      <c r="COO25" s="6"/>
      <c r="COP25" s="6"/>
      <c r="COQ25" s="6"/>
      <c r="COR25" s="6"/>
      <c r="COS25" s="6"/>
      <c r="COT25" s="6"/>
      <c r="COU25" s="6"/>
      <c r="COV25" s="6"/>
      <c r="COW25" s="6"/>
      <c r="COX25" s="6"/>
      <c r="COY25" s="6"/>
      <c r="COZ25" s="6"/>
      <c r="CPA25" s="6"/>
      <c r="CPB25" s="6"/>
      <c r="CPC25" s="6"/>
      <c r="CPD25" s="6"/>
      <c r="CPE25" s="6"/>
      <c r="CPF25" s="6"/>
      <c r="CPG25" s="6"/>
      <c r="CPH25" s="6"/>
      <c r="CPI25" s="6"/>
      <c r="CPJ25" s="6"/>
      <c r="CPK25" s="6"/>
      <c r="CPL25" s="6"/>
      <c r="CPM25" s="6"/>
      <c r="CPN25" s="6"/>
      <c r="CPO25" s="6"/>
      <c r="CPP25" s="6"/>
      <c r="CPQ25" s="6"/>
      <c r="CPR25" s="6"/>
      <c r="CPS25" s="6"/>
      <c r="CPT25" s="6"/>
      <c r="CPU25" s="6"/>
      <c r="CPV25" s="6"/>
      <c r="CPW25" s="6"/>
      <c r="CPX25" s="6"/>
      <c r="CPY25" s="6"/>
      <c r="CPZ25" s="6"/>
      <c r="CQA25" s="6"/>
      <c r="CQB25" s="6"/>
      <c r="CQC25" s="6"/>
      <c r="CQD25" s="6"/>
      <c r="CQE25" s="6"/>
      <c r="CQF25" s="6"/>
      <c r="CQG25" s="6"/>
      <c r="CQH25" s="6"/>
      <c r="CQI25" s="6"/>
      <c r="CQJ25" s="6"/>
      <c r="CQK25" s="6"/>
      <c r="CQL25" s="6"/>
      <c r="CQM25" s="6"/>
      <c r="CQN25" s="6"/>
      <c r="CQO25" s="6"/>
      <c r="CQP25" s="6"/>
      <c r="CQQ25" s="6"/>
      <c r="CQR25" s="6"/>
      <c r="CQS25" s="6"/>
      <c r="CQT25" s="6"/>
      <c r="CQU25" s="6"/>
      <c r="CQV25" s="6"/>
      <c r="CQW25" s="6"/>
      <c r="CQX25" s="6"/>
      <c r="CQY25" s="6"/>
      <c r="CQZ25" s="6"/>
      <c r="CRA25" s="6"/>
      <c r="CRB25" s="6"/>
      <c r="CRC25" s="6"/>
      <c r="CRD25" s="6"/>
      <c r="CRE25" s="6"/>
      <c r="CRF25" s="6"/>
      <c r="CRG25" s="6"/>
      <c r="CRH25" s="6"/>
      <c r="CRI25" s="6"/>
      <c r="CRJ25" s="6"/>
      <c r="CRK25" s="6"/>
      <c r="CRL25" s="6"/>
      <c r="CRM25" s="6"/>
      <c r="CRN25" s="6"/>
      <c r="CRO25" s="6"/>
      <c r="CRP25" s="6"/>
      <c r="CRQ25" s="6"/>
      <c r="CRR25" s="6"/>
      <c r="CRS25" s="6"/>
      <c r="CRT25" s="6"/>
      <c r="CRU25" s="6"/>
      <c r="CRV25" s="6"/>
      <c r="CRW25" s="6"/>
      <c r="CRX25" s="6"/>
      <c r="CRY25" s="6"/>
      <c r="CRZ25" s="6"/>
      <c r="CSA25" s="6"/>
      <c r="CSB25" s="6"/>
      <c r="CSC25" s="6"/>
      <c r="CSD25" s="6"/>
      <c r="CSE25" s="6"/>
      <c r="CSF25" s="6"/>
      <c r="CSG25" s="6"/>
      <c r="CSH25" s="6"/>
      <c r="CSI25" s="6"/>
      <c r="CSJ25" s="6"/>
      <c r="CSK25" s="6"/>
      <c r="CSL25" s="6"/>
      <c r="CSM25" s="6"/>
      <c r="CSN25" s="6"/>
      <c r="CSO25" s="6"/>
      <c r="CSP25" s="6"/>
      <c r="CSQ25" s="6"/>
      <c r="CSR25" s="6"/>
      <c r="CSS25" s="6"/>
      <c r="CST25" s="6"/>
      <c r="CSU25" s="6"/>
      <c r="CSV25" s="6"/>
      <c r="CSW25" s="6"/>
      <c r="CSX25" s="6"/>
      <c r="CSY25" s="6"/>
      <c r="CSZ25" s="6"/>
      <c r="CTA25" s="6"/>
      <c r="CTB25" s="6"/>
      <c r="CTC25" s="6"/>
      <c r="CTD25" s="6"/>
      <c r="CTE25" s="6"/>
      <c r="CTF25" s="6"/>
      <c r="CTG25" s="6"/>
      <c r="CTH25" s="6"/>
      <c r="CTI25" s="6"/>
      <c r="CTJ25" s="6"/>
      <c r="CTK25" s="6"/>
      <c r="CTL25" s="6"/>
      <c r="CTM25" s="6"/>
      <c r="CTN25" s="6"/>
      <c r="CTO25" s="6"/>
      <c r="CTP25" s="6"/>
      <c r="CTQ25" s="6"/>
      <c r="CTR25" s="6"/>
      <c r="CTS25" s="6"/>
      <c r="CTT25" s="6"/>
      <c r="CTU25" s="6"/>
      <c r="CTV25" s="6"/>
      <c r="CTW25" s="6"/>
      <c r="CTX25" s="6"/>
      <c r="CTY25" s="6"/>
      <c r="CTZ25" s="6"/>
      <c r="CUA25" s="6"/>
      <c r="CUB25" s="6"/>
      <c r="CUC25" s="6"/>
      <c r="CUD25" s="6"/>
      <c r="CUE25" s="6"/>
      <c r="CUF25" s="6"/>
      <c r="CUG25" s="6"/>
      <c r="CUH25" s="6"/>
      <c r="CUI25" s="6"/>
      <c r="CUJ25" s="6"/>
      <c r="CUK25" s="6"/>
      <c r="CUL25" s="6"/>
      <c r="CUM25" s="6"/>
      <c r="CUN25" s="6"/>
      <c r="CUO25" s="6"/>
      <c r="CUP25" s="6"/>
      <c r="CUQ25" s="6"/>
      <c r="CUR25" s="6"/>
      <c r="CUS25" s="6"/>
      <c r="CUT25" s="6"/>
      <c r="CUU25" s="6"/>
      <c r="CUV25" s="6"/>
      <c r="CUW25" s="6"/>
      <c r="CUX25" s="6"/>
      <c r="CUY25" s="6"/>
      <c r="CUZ25" s="6"/>
      <c r="CVA25" s="6"/>
      <c r="CVB25" s="6"/>
      <c r="CVC25" s="6"/>
      <c r="CVD25" s="6"/>
      <c r="CVE25" s="6"/>
      <c r="CVF25" s="6"/>
      <c r="CVG25" s="6"/>
      <c r="CVH25" s="6"/>
      <c r="CVI25" s="6"/>
      <c r="CVJ25" s="6"/>
      <c r="CVK25" s="6"/>
      <c r="CVL25" s="6"/>
      <c r="CVM25" s="6"/>
      <c r="CVN25" s="6"/>
      <c r="CVO25" s="6"/>
      <c r="CVP25" s="6"/>
      <c r="CVQ25" s="6"/>
      <c r="CVR25" s="6"/>
      <c r="CVS25" s="6"/>
      <c r="CVT25" s="6"/>
      <c r="CVU25" s="6"/>
      <c r="CVV25" s="6"/>
      <c r="CVW25" s="6"/>
      <c r="CVX25" s="6"/>
      <c r="CVY25" s="6"/>
      <c r="CVZ25" s="6"/>
      <c r="CWA25" s="6"/>
      <c r="CWB25" s="6"/>
      <c r="CWC25" s="6"/>
      <c r="CWD25" s="6"/>
      <c r="CWE25" s="6"/>
      <c r="CWF25" s="6"/>
      <c r="CWG25" s="6"/>
      <c r="CWH25" s="6"/>
      <c r="CWI25" s="6"/>
      <c r="CWJ25" s="6"/>
      <c r="CWK25" s="6"/>
      <c r="CWL25" s="6"/>
      <c r="CWM25" s="6"/>
      <c r="CWN25" s="6"/>
      <c r="CWO25" s="6"/>
      <c r="CWP25" s="6"/>
      <c r="CWQ25" s="6"/>
      <c r="CWR25" s="6"/>
      <c r="CWS25" s="6"/>
      <c r="CWT25" s="6"/>
      <c r="CWU25" s="6"/>
      <c r="CWV25" s="6"/>
      <c r="CWW25" s="6"/>
      <c r="CWX25" s="6"/>
      <c r="CWY25" s="6"/>
      <c r="CWZ25" s="6"/>
      <c r="CXA25" s="6"/>
      <c r="CXB25" s="6"/>
      <c r="CXC25" s="6"/>
      <c r="CXD25" s="6"/>
      <c r="CXE25" s="6"/>
      <c r="CXF25" s="6"/>
      <c r="CXG25" s="6"/>
      <c r="CXH25" s="6"/>
      <c r="CXI25" s="6"/>
      <c r="CXJ25" s="6"/>
      <c r="CXK25" s="6"/>
      <c r="CXL25" s="6"/>
      <c r="CXM25" s="6"/>
      <c r="CXN25" s="6"/>
      <c r="CXO25" s="6"/>
      <c r="CXP25" s="6"/>
      <c r="CXQ25" s="6"/>
      <c r="CXR25" s="6"/>
      <c r="CXS25" s="6"/>
      <c r="CXT25" s="6"/>
      <c r="CXU25" s="6"/>
      <c r="CXV25" s="6"/>
      <c r="CXW25" s="6"/>
      <c r="CXX25" s="6"/>
      <c r="CXY25" s="6"/>
      <c r="CXZ25" s="6"/>
      <c r="CYA25" s="6"/>
      <c r="CYB25" s="6"/>
      <c r="CYC25" s="6"/>
      <c r="CYD25" s="6"/>
      <c r="CYE25" s="6"/>
      <c r="CYF25" s="6"/>
      <c r="CYG25" s="6"/>
      <c r="CYH25" s="6"/>
      <c r="CYI25" s="6"/>
      <c r="CYJ25" s="6"/>
      <c r="CYK25" s="6"/>
      <c r="CYL25" s="6"/>
      <c r="CYM25" s="6"/>
      <c r="CYN25" s="6"/>
      <c r="CYO25" s="6"/>
      <c r="CYP25" s="6"/>
      <c r="CYQ25" s="6"/>
      <c r="CYR25" s="6"/>
      <c r="CYS25" s="6"/>
      <c r="CYT25" s="6"/>
      <c r="CYU25" s="6"/>
      <c r="CYV25" s="6"/>
      <c r="CYW25" s="6"/>
      <c r="CYX25" s="6"/>
      <c r="CYY25" s="6"/>
      <c r="CYZ25" s="6"/>
      <c r="CZA25" s="6"/>
      <c r="CZB25" s="6"/>
      <c r="CZC25" s="6"/>
      <c r="CZD25" s="6"/>
      <c r="CZE25" s="6"/>
      <c r="CZF25" s="6"/>
      <c r="CZG25" s="6"/>
      <c r="CZH25" s="6"/>
      <c r="CZI25" s="6"/>
      <c r="CZJ25" s="6"/>
      <c r="CZK25" s="6"/>
      <c r="CZL25" s="6"/>
      <c r="CZM25" s="6"/>
      <c r="CZN25" s="6"/>
      <c r="CZO25" s="6"/>
      <c r="CZP25" s="6"/>
      <c r="CZQ25" s="6"/>
      <c r="CZR25" s="6"/>
      <c r="CZS25" s="6"/>
      <c r="CZT25" s="6"/>
      <c r="CZU25" s="6"/>
      <c r="CZV25" s="6"/>
      <c r="CZW25" s="6"/>
      <c r="CZX25" s="6"/>
      <c r="CZY25" s="6"/>
      <c r="CZZ25" s="6"/>
      <c r="DAA25" s="6"/>
      <c r="DAB25" s="6"/>
      <c r="DAC25" s="6"/>
      <c r="DAD25" s="6"/>
      <c r="DAE25" s="6"/>
      <c r="DAF25" s="6"/>
      <c r="DAG25" s="6"/>
      <c r="DAH25" s="6"/>
      <c r="DAI25" s="6"/>
      <c r="DAJ25" s="6"/>
      <c r="DAK25" s="6"/>
      <c r="DAL25" s="6"/>
      <c r="DAM25" s="6"/>
      <c r="DAN25" s="6"/>
      <c r="DAO25" s="6"/>
      <c r="DAP25" s="6"/>
      <c r="DAQ25" s="6"/>
      <c r="DAR25" s="6"/>
      <c r="DAS25" s="6"/>
      <c r="DAT25" s="6"/>
      <c r="DAU25" s="6"/>
      <c r="DAV25" s="6"/>
      <c r="DAW25" s="6"/>
      <c r="DAX25" s="6"/>
      <c r="DAY25" s="6"/>
      <c r="DAZ25" s="6"/>
      <c r="DBA25" s="6"/>
      <c r="DBB25" s="6"/>
      <c r="DBC25" s="6"/>
      <c r="DBD25" s="6"/>
      <c r="DBE25" s="6"/>
      <c r="DBF25" s="6"/>
      <c r="DBG25" s="6"/>
      <c r="DBH25" s="6"/>
      <c r="DBI25" s="6"/>
      <c r="DBJ25" s="6"/>
      <c r="DBK25" s="6"/>
      <c r="DBL25" s="6"/>
      <c r="DBM25" s="6"/>
      <c r="DBN25" s="6"/>
      <c r="DBO25" s="6"/>
      <c r="DBP25" s="6"/>
      <c r="DBQ25" s="6"/>
      <c r="DBR25" s="6"/>
      <c r="DBS25" s="6"/>
      <c r="DBT25" s="6"/>
      <c r="DBU25" s="6"/>
      <c r="DBV25" s="6"/>
      <c r="DBW25" s="6"/>
      <c r="DBX25" s="6"/>
      <c r="DBY25" s="6"/>
      <c r="DBZ25" s="6"/>
      <c r="DCA25" s="6"/>
      <c r="DCB25" s="6"/>
      <c r="DCC25" s="6"/>
      <c r="DCD25" s="6"/>
      <c r="DCE25" s="6"/>
      <c r="DCF25" s="6"/>
      <c r="DCG25" s="6"/>
      <c r="DCH25" s="6"/>
      <c r="DCI25" s="6"/>
      <c r="DCJ25" s="6"/>
      <c r="DCK25" s="6"/>
      <c r="DCL25" s="6"/>
      <c r="DCM25" s="6"/>
      <c r="DCN25" s="6"/>
      <c r="DCO25" s="6"/>
      <c r="DCP25" s="6"/>
      <c r="DCQ25" s="6"/>
      <c r="DCR25" s="6"/>
      <c r="DCS25" s="6"/>
      <c r="DCT25" s="6"/>
      <c r="DCU25" s="6"/>
      <c r="DCV25" s="6"/>
      <c r="DCW25" s="6"/>
      <c r="DCX25" s="6"/>
      <c r="DCY25" s="6"/>
      <c r="DCZ25" s="6"/>
      <c r="DDA25" s="6"/>
      <c r="DDB25" s="6"/>
      <c r="DDC25" s="6"/>
      <c r="DDD25" s="6"/>
      <c r="DDE25" s="6"/>
      <c r="DDF25" s="6"/>
      <c r="DDG25" s="6"/>
      <c r="DDH25" s="6"/>
      <c r="DDI25" s="6"/>
      <c r="DDJ25" s="6"/>
      <c r="DDK25" s="6"/>
      <c r="DDL25" s="6"/>
      <c r="DDM25" s="6"/>
      <c r="DDN25" s="6"/>
      <c r="DDO25" s="6"/>
      <c r="DDP25" s="6"/>
      <c r="DDQ25" s="6"/>
      <c r="DDR25" s="6"/>
      <c r="DDS25" s="6"/>
      <c r="DDT25" s="6"/>
      <c r="DDU25" s="6"/>
      <c r="DDV25" s="6"/>
      <c r="DDW25" s="6"/>
      <c r="DDX25" s="6"/>
      <c r="DDY25" s="6"/>
      <c r="DDZ25" s="6"/>
      <c r="DEA25" s="6"/>
      <c r="DEB25" s="6"/>
      <c r="DEC25" s="6"/>
      <c r="DED25" s="6"/>
      <c r="DEE25" s="6"/>
      <c r="DEF25" s="6"/>
      <c r="DEG25" s="6"/>
      <c r="DEH25" s="6"/>
      <c r="DEI25" s="6"/>
      <c r="DEJ25" s="6"/>
      <c r="DEK25" s="6"/>
      <c r="DEL25" s="6"/>
      <c r="DEM25" s="6"/>
      <c r="DEN25" s="6"/>
      <c r="DEO25" s="6"/>
      <c r="DEP25" s="6"/>
      <c r="DEQ25" s="6"/>
      <c r="DER25" s="6"/>
      <c r="DES25" s="6"/>
      <c r="DET25" s="6"/>
      <c r="DEU25" s="6"/>
      <c r="DEV25" s="6"/>
      <c r="DEW25" s="6"/>
      <c r="DEX25" s="6"/>
      <c r="DEY25" s="6"/>
      <c r="DEZ25" s="6"/>
      <c r="DFA25" s="6"/>
      <c r="DFB25" s="6"/>
      <c r="DFC25" s="6"/>
      <c r="DFD25" s="6"/>
      <c r="DFE25" s="6"/>
      <c r="DFF25" s="6"/>
      <c r="DFG25" s="6"/>
      <c r="DFH25" s="6"/>
      <c r="DFI25" s="6"/>
      <c r="DFJ25" s="6"/>
      <c r="DFK25" s="6"/>
      <c r="DFL25" s="6"/>
      <c r="DFM25" s="6"/>
      <c r="DFN25" s="6"/>
      <c r="DFO25" s="6"/>
      <c r="DFP25" s="6"/>
      <c r="DFQ25" s="6"/>
      <c r="DFR25" s="6"/>
      <c r="DFS25" s="6"/>
      <c r="DFT25" s="6"/>
      <c r="DFU25" s="6"/>
      <c r="DFV25" s="6"/>
      <c r="DFW25" s="6"/>
      <c r="DFX25" s="6"/>
      <c r="DFY25" s="6"/>
      <c r="DFZ25" s="6"/>
      <c r="DGA25" s="6"/>
      <c r="DGB25" s="6"/>
      <c r="DGC25" s="6"/>
      <c r="DGD25" s="6"/>
      <c r="DGE25" s="6"/>
      <c r="DGF25" s="6"/>
      <c r="DGG25" s="6"/>
      <c r="DGH25" s="6"/>
      <c r="DGI25" s="6"/>
      <c r="DGJ25" s="6"/>
      <c r="DGK25" s="6"/>
      <c r="DGL25" s="6"/>
      <c r="DGM25" s="6"/>
      <c r="DGN25" s="6"/>
      <c r="DGO25" s="6"/>
      <c r="DGP25" s="6"/>
      <c r="DGQ25" s="6"/>
      <c r="DGR25" s="6"/>
      <c r="DGS25" s="6"/>
      <c r="DGT25" s="6"/>
      <c r="DGU25" s="6"/>
      <c r="DGV25" s="6"/>
      <c r="DGW25" s="6"/>
      <c r="DGX25" s="6"/>
      <c r="DGY25" s="6"/>
      <c r="DGZ25" s="6"/>
      <c r="DHA25" s="6"/>
      <c r="DHB25" s="6"/>
      <c r="DHC25" s="6"/>
      <c r="DHD25" s="6"/>
      <c r="DHE25" s="6"/>
      <c r="DHF25" s="6"/>
      <c r="DHG25" s="6"/>
      <c r="DHH25" s="6"/>
      <c r="DHI25" s="6"/>
      <c r="DHJ25" s="6"/>
      <c r="DHK25" s="6"/>
      <c r="DHL25" s="6"/>
      <c r="DHM25" s="6"/>
      <c r="DHN25" s="6"/>
      <c r="DHO25" s="6"/>
      <c r="DHP25" s="6"/>
      <c r="DHQ25" s="6"/>
      <c r="DHR25" s="6"/>
      <c r="DHS25" s="6"/>
      <c r="DHT25" s="6"/>
      <c r="DHU25" s="6"/>
      <c r="DHV25" s="6"/>
      <c r="DHW25" s="6"/>
      <c r="DHX25" s="6"/>
      <c r="DHY25" s="6"/>
      <c r="DHZ25" s="6"/>
      <c r="DIA25" s="6"/>
      <c r="DIB25" s="6"/>
      <c r="DIC25" s="6"/>
      <c r="DID25" s="6"/>
      <c r="DIE25" s="6"/>
      <c r="DIF25" s="6"/>
      <c r="DIG25" s="6"/>
      <c r="DIH25" s="6"/>
      <c r="DII25" s="6"/>
      <c r="DIJ25" s="6"/>
      <c r="DIK25" s="6"/>
      <c r="DIL25" s="6"/>
      <c r="DIM25" s="6"/>
      <c r="DIN25" s="6"/>
      <c r="DIO25" s="6"/>
      <c r="DIP25" s="6"/>
      <c r="DIQ25" s="6"/>
      <c r="DIR25" s="6"/>
      <c r="DIS25" s="6"/>
      <c r="DIT25" s="6"/>
      <c r="DIU25" s="6"/>
      <c r="DIV25" s="6"/>
      <c r="DIW25" s="6"/>
      <c r="DIX25" s="6"/>
      <c r="DIY25" s="6"/>
      <c r="DIZ25" s="6"/>
      <c r="DJA25" s="6"/>
      <c r="DJB25" s="6"/>
      <c r="DJC25" s="6"/>
      <c r="DJD25" s="6"/>
      <c r="DJE25" s="6"/>
      <c r="DJF25" s="6"/>
      <c r="DJG25" s="6"/>
      <c r="DJH25" s="6"/>
      <c r="DJI25" s="6"/>
      <c r="DJJ25" s="6"/>
      <c r="DJK25" s="6"/>
      <c r="DJL25" s="6"/>
      <c r="DJM25" s="6"/>
      <c r="DJN25" s="6"/>
      <c r="DJO25" s="6"/>
      <c r="DJP25" s="6"/>
      <c r="DJQ25" s="6"/>
      <c r="DJR25" s="6"/>
      <c r="DJS25" s="6"/>
      <c r="DJT25" s="6"/>
      <c r="DJU25" s="6"/>
      <c r="DJV25" s="6"/>
      <c r="DJW25" s="6"/>
      <c r="DJX25" s="6"/>
      <c r="DJY25" s="6"/>
      <c r="DJZ25" s="6"/>
      <c r="DKA25" s="6"/>
      <c r="DKB25" s="6"/>
      <c r="DKC25" s="6"/>
      <c r="DKD25" s="6"/>
      <c r="DKE25" s="6"/>
      <c r="DKF25" s="6"/>
      <c r="DKG25" s="6"/>
      <c r="DKH25" s="6"/>
      <c r="DKI25" s="6"/>
      <c r="DKJ25" s="6"/>
      <c r="DKK25" s="6"/>
      <c r="DKL25" s="6"/>
      <c r="DKM25" s="6"/>
      <c r="DKN25" s="6"/>
      <c r="DKO25" s="6"/>
      <c r="DKP25" s="6"/>
      <c r="DKQ25" s="6"/>
      <c r="DKR25" s="6"/>
      <c r="DKS25" s="6"/>
      <c r="DKT25" s="6"/>
      <c r="DKU25" s="6"/>
      <c r="DKV25" s="6"/>
      <c r="DKW25" s="6"/>
      <c r="DKX25" s="6"/>
      <c r="DKY25" s="6"/>
      <c r="DKZ25" s="6"/>
      <c r="DLA25" s="6"/>
      <c r="DLB25" s="6"/>
      <c r="DLC25" s="6"/>
      <c r="DLD25" s="6"/>
      <c r="DLE25" s="6"/>
      <c r="DLF25" s="6"/>
      <c r="DLG25" s="6"/>
      <c r="DLH25" s="6"/>
      <c r="DLI25" s="6"/>
      <c r="DLJ25" s="6"/>
      <c r="DLK25" s="6"/>
      <c r="DLL25" s="6"/>
      <c r="DLM25" s="6"/>
      <c r="DLN25" s="6"/>
      <c r="DLO25" s="6"/>
      <c r="DLP25" s="6"/>
      <c r="DLQ25" s="6"/>
      <c r="DLR25" s="6"/>
      <c r="DLS25" s="6"/>
      <c r="DLT25" s="6"/>
      <c r="DLU25" s="6"/>
      <c r="DLV25" s="6"/>
      <c r="DLW25" s="6"/>
      <c r="DLX25" s="6"/>
      <c r="DLY25" s="6"/>
      <c r="DLZ25" s="6"/>
      <c r="DMA25" s="6"/>
      <c r="DMB25" s="6"/>
      <c r="DMC25" s="6"/>
      <c r="DMD25" s="6"/>
      <c r="DME25" s="6"/>
      <c r="DMF25" s="6"/>
      <c r="DMG25" s="6"/>
      <c r="DMH25" s="6"/>
      <c r="DMI25" s="6"/>
      <c r="DMJ25" s="6"/>
      <c r="DMK25" s="6"/>
      <c r="DML25" s="6"/>
      <c r="DMM25" s="6"/>
      <c r="DMN25" s="6"/>
      <c r="DMO25" s="6"/>
      <c r="DMP25" s="6"/>
      <c r="DMQ25" s="6"/>
      <c r="DMR25" s="6"/>
      <c r="DMS25" s="6"/>
      <c r="DMT25" s="6"/>
      <c r="DMU25" s="6"/>
      <c r="DMV25" s="6"/>
      <c r="DMW25" s="6"/>
      <c r="DMX25" s="6"/>
      <c r="DMY25" s="6"/>
      <c r="DMZ25" s="6"/>
      <c r="DNA25" s="6"/>
      <c r="DNB25" s="6"/>
      <c r="DNC25" s="6"/>
      <c r="DND25" s="6"/>
      <c r="DNE25" s="6"/>
      <c r="DNF25" s="6"/>
      <c r="DNG25" s="6"/>
      <c r="DNH25" s="6"/>
      <c r="DNI25" s="6"/>
      <c r="DNJ25" s="6"/>
      <c r="DNK25" s="6"/>
      <c r="DNL25" s="6"/>
      <c r="DNM25" s="6"/>
      <c r="DNN25" s="6"/>
      <c r="DNO25" s="6"/>
      <c r="DNP25" s="6"/>
      <c r="DNQ25" s="6"/>
      <c r="DNR25" s="6"/>
      <c r="DNS25" s="6"/>
      <c r="DNT25" s="6"/>
      <c r="DNU25" s="6"/>
      <c r="DNV25" s="6"/>
      <c r="DNW25" s="6"/>
      <c r="DNX25" s="6"/>
      <c r="DNY25" s="6"/>
      <c r="DNZ25" s="6"/>
      <c r="DOA25" s="6"/>
      <c r="DOB25" s="6"/>
      <c r="DOC25" s="6"/>
      <c r="DOD25" s="6"/>
      <c r="DOE25" s="6"/>
      <c r="DOF25" s="6"/>
      <c r="DOG25" s="6"/>
      <c r="DOH25" s="6"/>
      <c r="DOI25" s="6"/>
      <c r="DOJ25" s="6"/>
      <c r="DOK25" s="6"/>
      <c r="DOL25" s="6"/>
      <c r="DOM25" s="6"/>
      <c r="DON25" s="6"/>
      <c r="DOO25" s="6"/>
      <c r="DOP25" s="6"/>
      <c r="DOQ25" s="6"/>
      <c r="DOR25" s="6"/>
      <c r="DOS25" s="6"/>
      <c r="DOT25" s="6"/>
      <c r="DOU25" s="6"/>
      <c r="DOV25" s="6"/>
      <c r="DOW25" s="6"/>
      <c r="DOX25" s="6"/>
      <c r="DOY25" s="6"/>
      <c r="DOZ25" s="6"/>
      <c r="DPA25" s="6"/>
      <c r="DPB25" s="6"/>
      <c r="DPC25" s="6"/>
      <c r="DPD25" s="6"/>
      <c r="DPE25" s="6"/>
      <c r="DPF25" s="6"/>
      <c r="DPG25" s="6"/>
      <c r="DPH25" s="6"/>
      <c r="DPI25" s="6"/>
      <c r="DPJ25" s="6"/>
      <c r="DPK25" s="6"/>
      <c r="DPL25" s="6"/>
      <c r="DPM25" s="6"/>
      <c r="DPN25" s="6"/>
      <c r="DPO25" s="6"/>
      <c r="DPP25" s="6"/>
      <c r="DPQ25" s="6"/>
      <c r="DPR25" s="6"/>
      <c r="DPS25" s="6"/>
      <c r="DPT25" s="6"/>
      <c r="DPU25" s="6"/>
      <c r="DPV25" s="6"/>
      <c r="DPW25" s="6"/>
      <c r="DPX25" s="6"/>
      <c r="DPY25" s="6"/>
      <c r="DPZ25" s="6"/>
      <c r="DQA25" s="6"/>
      <c r="DQB25" s="6"/>
      <c r="DQC25" s="6"/>
      <c r="DQD25" s="6"/>
      <c r="DQE25" s="6"/>
      <c r="DQF25" s="6"/>
      <c r="DQG25" s="6"/>
      <c r="DQH25" s="6"/>
      <c r="DQI25" s="6"/>
      <c r="DQJ25" s="6"/>
      <c r="DQK25" s="6"/>
      <c r="DQL25" s="6"/>
      <c r="DQM25" s="6"/>
      <c r="DQN25" s="6"/>
      <c r="DQO25" s="6"/>
      <c r="DQP25" s="6"/>
      <c r="DQQ25" s="6"/>
      <c r="DQR25" s="6"/>
      <c r="DQS25" s="6"/>
      <c r="DQT25" s="6"/>
      <c r="DQU25" s="6"/>
      <c r="DQV25" s="6"/>
      <c r="DQW25" s="6"/>
      <c r="DQX25" s="6"/>
      <c r="DQY25" s="6"/>
      <c r="DQZ25" s="6"/>
      <c r="DRA25" s="6"/>
      <c r="DRB25" s="6"/>
      <c r="DRC25" s="6"/>
      <c r="DRD25" s="6"/>
      <c r="DRE25" s="6"/>
      <c r="DRF25" s="6"/>
      <c r="DRG25" s="6"/>
      <c r="DRH25" s="6"/>
      <c r="DRI25" s="6"/>
      <c r="DRJ25" s="6"/>
      <c r="DRK25" s="6"/>
      <c r="DRL25" s="6"/>
      <c r="DRM25" s="6"/>
      <c r="DRN25" s="6"/>
      <c r="DRO25" s="6"/>
      <c r="DRP25" s="6"/>
      <c r="DRQ25" s="6"/>
      <c r="DRR25" s="6"/>
      <c r="DRS25" s="6"/>
      <c r="DRT25" s="6"/>
      <c r="DRU25" s="6"/>
      <c r="DRV25" s="6"/>
      <c r="DRW25" s="6"/>
      <c r="DRX25" s="6"/>
      <c r="DRY25" s="6"/>
      <c r="DRZ25" s="6"/>
      <c r="DSA25" s="6"/>
      <c r="DSB25" s="6"/>
      <c r="DSC25" s="6"/>
      <c r="DSD25" s="6"/>
      <c r="DSE25" s="6"/>
      <c r="DSF25" s="6"/>
      <c r="DSG25" s="6"/>
      <c r="DSH25" s="6"/>
      <c r="DSI25" s="6"/>
      <c r="DSJ25" s="6"/>
      <c r="DSK25" s="6"/>
      <c r="DSL25" s="6"/>
      <c r="DSM25" s="6"/>
      <c r="DSN25" s="6"/>
      <c r="DSO25" s="6"/>
      <c r="DSP25" s="6"/>
      <c r="DSQ25" s="6"/>
      <c r="DSR25" s="6"/>
      <c r="DSS25" s="6"/>
      <c r="DST25" s="6"/>
      <c r="DSU25" s="6"/>
      <c r="DSV25" s="6"/>
      <c r="DSW25" s="6"/>
      <c r="DSX25" s="6"/>
      <c r="DSY25" s="6"/>
      <c r="DSZ25" s="6"/>
      <c r="DTA25" s="6"/>
      <c r="DTB25" s="6"/>
      <c r="DTC25" s="6"/>
      <c r="DTD25" s="6"/>
      <c r="DTE25" s="6"/>
      <c r="DTF25" s="6"/>
      <c r="DTG25" s="6"/>
      <c r="DTH25" s="6"/>
      <c r="DTI25" s="6"/>
      <c r="DTJ25" s="6"/>
      <c r="DTK25" s="6"/>
      <c r="DTL25" s="6"/>
      <c r="DTM25" s="6"/>
      <c r="DTN25" s="6"/>
      <c r="DTO25" s="6"/>
      <c r="DTP25" s="6"/>
      <c r="DTQ25" s="6"/>
      <c r="DTR25" s="6"/>
      <c r="DTS25" s="6"/>
      <c r="DTT25" s="6"/>
      <c r="DTU25" s="6"/>
      <c r="DTV25" s="6"/>
      <c r="DTW25" s="6"/>
      <c r="DTX25" s="6"/>
      <c r="DTY25" s="6"/>
      <c r="DTZ25" s="6"/>
      <c r="DUA25" s="6"/>
      <c r="DUB25" s="6"/>
      <c r="DUC25" s="6"/>
      <c r="DUD25" s="6"/>
      <c r="DUE25" s="6"/>
      <c r="DUF25" s="6"/>
      <c r="DUG25" s="6"/>
      <c r="DUH25" s="6"/>
      <c r="DUI25" s="6"/>
      <c r="DUJ25" s="6"/>
      <c r="DUK25" s="6"/>
      <c r="DUL25" s="6"/>
      <c r="DUM25" s="6"/>
      <c r="DUN25" s="6"/>
      <c r="DUO25" s="6"/>
      <c r="DUP25" s="6"/>
      <c r="DUQ25" s="6"/>
      <c r="DUR25" s="6"/>
      <c r="DUS25" s="6"/>
      <c r="DUT25" s="6"/>
      <c r="DUU25" s="6"/>
      <c r="DUV25" s="6"/>
      <c r="DUW25" s="6"/>
      <c r="DUX25" s="6"/>
      <c r="DUY25" s="6"/>
      <c r="DUZ25" s="6"/>
      <c r="DVA25" s="6"/>
      <c r="DVB25" s="6"/>
      <c r="DVC25" s="6"/>
      <c r="DVD25" s="6"/>
      <c r="DVE25" s="6"/>
      <c r="DVF25" s="6"/>
      <c r="DVG25" s="6"/>
      <c r="DVH25" s="6"/>
      <c r="DVI25" s="6"/>
      <c r="DVJ25" s="6"/>
      <c r="DVK25" s="6"/>
      <c r="DVL25" s="6"/>
      <c r="DVM25" s="6"/>
      <c r="DVN25" s="6"/>
      <c r="DVO25" s="6"/>
      <c r="DVP25" s="6"/>
      <c r="DVQ25" s="6"/>
      <c r="DVR25" s="6"/>
      <c r="DVS25" s="6"/>
      <c r="DVT25" s="6"/>
      <c r="DVU25" s="6"/>
      <c r="DVV25" s="6"/>
      <c r="DVW25" s="6"/>
      <c r="DVX25" s="6"/>
      <c r="DVY25" s="6"/>
      <c r="DVZ25" s="6"/>
      <c r="DWA25" s="6"/>
      <c r="DWB25" s="6"/>
      <c r="DWC25" s="6"/>
      <c r="DWD25" s="6"/>
      <c r="DWE25" s="6"/>
      <c r="DWF25" s="6"/>
      <c r="DWG25" s="6"/>
      <c r="DWH25" s="6"/>
      <c r="DWI25" s="6"/>
      <c r="DWJ25" s="6"/>
      <c r="DWK25" s="6"/>
      <c r="DWL25" s="6"/>
      <c r="DWM25" s="6"/>
      <c r="DWN25" s="6"/>
      <c r="DWO25" s="6"/>
      <c r="DWP25" s="6"/>
      <c r="DWQ25" s="6"/>
      <c r="DWR25" s="6"/>
      <c r="DWS25" s="6"/>
      <c r="DWT25" s="6"/>
      <c r="DWU25" s="6"/>
      <c r="DWV25" s="6"/>
      <c r="DWW25" s="6"/>
      <c r="DWX25" s="6"/>
      <c r="DWY25" s="6"/>
      <c r="DWZ25" s="6"/>
      <c r="DXA25" s="6"/>
      <c r="DXB25" s="6"/>
      <c r="DXC25" s="6"/>
      <c r="DXD25" s="6"/>
      <c r="DXE25" s="6"/>
      <c r="DXF25" s="6"/>
      <c r="DXG25" s="6"/>
      <c r="DXH25" s="6"/>
      <c r="DXI25" s="6"/>
      <c r="DXJ25" s="6"/>
      <c r="DXK25" s="6"/>
      <c r="DXL25" s="6"/>
      <c r="DXM25" s="6"/>
      <c r="DXN25" s="6"/>
      <c r="DXO25" s="6"/>
      <c r="DXP25" s="6"/>
      <c r="DXQ25" s="6"/>
      <c r="DXR25" s="6"/>
      <c r="DXS25" s="6"/>
      <c r="DXT25" s="6"/>
      <c r="DXU25" s="6"/>
      <c r="DXV25" s="6"/>
      <c r="DXW25" s="6"/>
      <c r="DXX25" s="6"/>
      <c r="DXY25" s="6"/>
      <c r="DXZ25" s="6"/>
      <c r="DYA25" s="6"/>
      <c r="DYB25" s="6"/>
      <c r="DYC25" s="6"/>
      <c r="DYD25" s="6"/>
      <c r="DYE25" s="6"/>
      <c r="DYF25" s="6"/>
      <c r="DYG25" s="6"/>
      <c r="DYH25" s="6"/>
      <c r="DYI25" s="6"/>
      <c r="DYJ25" s="6"/>
      <c r="DYK25" s="6"/>
      <c r="DYL25" s="6"/>
      <c r="DYM25" s="6"/>
      <c r="DYN25" s="6"/>
      <c r="DYO25" s="6"/>
      <c r="DYP25" s="6"/>
      <c r="DYQ25" s="6"/>
      <c r="DYR25" s="6"/>
      <c r="DYS25" s="6"/>
      <c r="DYT25" s="6"/>
      <c r="DYU25" s="6"/>
      <c r="DYV25" s="6"/>
      <c r="DYW25" s="6"/>
      <c r="DYX25" s="6"/>
      <c r="DYY25" s="6"/>
      <c r="DYZ25" s="6"/>
      <c r="DZA25" s="6"/>
      <c r="DZB25" s="6"/>
      <c r="DZC25" s="6"/>
      <c r="DZD25" s="6"/>
      <c r="DZE25" s="6"/>
      <c r="DZF25" s="6"/>
      <c r="DZG25" s="6"/>
      <c r="DZH25" s="6"/>
      <c r="DZI25" s="6"/>
      <c r="DZJ25" s="6"/>
      <c r="DZK25" s="6"/>
      <c r="DZL25" s="6"/>
      <c r="DZM25" s="6"/>
      <c r="DZN25" s="6"/>
      <c r="DZO25" s="6"/>
      <c r="DZP25" s="6"/>
      <c r="DZQ25" s="6"/>
      <c r="DZR25" s="6"/>
      <c r="DZS25" s="6"/>
      <c r="DZT25" s="6"/>
      <c r="DZU25" s="6"/>
      <c r="DZV25" s="6"/>
      <c r="DZW25" s="6"/>
      <c r="DZX25" s="6"/>
      <c r="DZY25" s="6"/>
      <c r="DZZ25" s="6"/>
      <c r="EAA25" s="6"/>
      <c r="EAB25" s="6"/>
      <c r="EAC25" s="6"/>
      <c r="EAD25" s="6"/>
      <c r="EAE25" s="6"/>
      <c r="EAF25" s="6"/>
      <c r="EAG25" s="6"/>
      <c r="EAH25" s="6"/>
      <c r="EAI25" s="6"/>
      <c r="EAJ25" s="6"/>
      <c r="EAK25" s="6"/>
      <c r="EAL25" s="6"/>
      <c r="EAM25" s="6"/>
      <c r="EAN25" s="6"/>
      <c r="EAO25" s="6"/>
      <c r="EAP25" s="6"/>
      <c r="EAQ25" s="6"/>
      <c r="EAR25" s="6"/>
      <c r="EAS25" s="6"/>
      <c r="EAT25" s="6"/>
      <c r="EAU25" s="6"/>
      <c r="EAV25" s="6"/>
      <c r="EAW25" s="6"/>
      <c r="EAX25" s="6"/>
      <c r="EAY25" s="6"/>
      <c r="EAZ25" s="6"/>
      <c r="EBA25" s="6"/>
      <c r="EBB25" s="6"/>
      <c r="EBC25" s="6"/>
      <c r="EBD25" s="6"/>
      <c r="EBE25" s="6"/>
      <c r="EBF25" s="6"/>
      <c r="EBG25" s="6"/>
      <c r="EBH25" s="6"/>
      <c r="EBI25" s="6"/>
      <c r="EBJ25" s="6"/>
      <c r="EBK25" s="6"/>
      <c r="EBL25" s="6"/>
      <c r="EBM25" s="6"/>
      <c r="EBN25" s="6"/>
      <c r="EBO25" s="6"/>
      <c r="EBP25" s="6"/>
      <c r="EBQ25" s="6"/>
      <c r="EBR25" s="6"/>
      <c r="EBS25" s="6"/>
      <c r="EBT25" s="6"/>
      <c r="EBU25" s="6"/>
      <c r="EBV25" s="6"/>
      <c r="EBW25" s="6"/>
      <c r="EBX25" s="6"/>
      <c r="EBY25" s="6"/>
      <c r="EBZ25" s="6"/>
      <c r="ECA25" s="6"/>
      <c r="ECB25" s="6"/>
      <c r="ECC25" s="6"/>
      <c r="ECD25" s="6"/>
      <c r="ECE25" s="6"/>
      <c r="ECF25" s="6"/>
      <c r="ECG25" s="6"/>
      <c r="ECH25" s="6"/>
      <c r="ECI25" s="6"/>
      <c r="ECJ25" s="6"/>
      <c r="ECK25" s="6"/>
      <c r="ECL25" s="6"/>
      <c r="ECM25" s="6"/>
      <c r="ECN25" s="6"/>
      <c r="ECO25" s="6"/>
      <c r="ECP25" s="6"/>
      <c r="ECQ25" s="6"/>
      <c r="ECR25" s="6"/>
      <c r="ECS25" s="6"/>
      <c r="ECT25" s="6"/>
      <c r="ECU25" s="6"/>
      <c r="ECV25" s="6"/>
      <c r="ECW25" s="6"/>
      <c r="ECX25" s="6"/>
      <c r="ECY25" s="6"/>
      <c r="ECZ25" s="6"/>
      <c r="EDA25" s="6"/>
      <c r="EDB25" s="6"/>
      <c r="EDC25" s="6"/>
      <c r="EDD25" s="6"/>
      <c r="EDE25" s="6"/>
      <c r="EDF25" s="6"/>
      <c r="EDG25" s="6"/>
      <c r="EDH25" s="6"/>
      <c r="EDI25" s="6"/>
      <c r="EDJ25" s="6"/>
      <c r="EDK25" s="6"/>
      <c r="EDL25" s="6"/>
      <c r="EDM25" s="6"/>
      <c r="EDN25" s="6"/>
      <c r="EDO25" s="6"/>
      <c r="EDP25" s="6"/>
      <c r="EDQ25" s="6"/>
      <c r="EDR25" s="6"/>
      <c r="EDS25" s="6"/>
      <c r="EDT25" s="6"/>
      <c r="EDU25" s="6"/>
      <c r="EDV25" s="6"/>
      <c r="EDW25" s="6"/>
      <c r="EDX25" s="6"/>
      <c r="EDY25" s="6"/>
      <c r="EDZ25" s="6"/>
      <c r="EEA25" s="6"/>
      <c r="EEB25" s="6"/>
      <c r="EEC25" s="6"/>
      <c r="EED25" s="6"/>
      <c r="EEE25" s="6"/>
      <c r="EEF25" s="6"/>
      <c r="EEG25" s="6"/>
      <c r="EEH25" s="6"/>
      <c r="EEI25" s="6"/>
      <c r="EEJ25" s="6"/>
      <c r="EEK25" s="6"/>
      <c r="EEL25" s="6"/>
      <c r="EEM25" s="6"/>
      <c r="EEN25" s="6"/>
      <c r="EEO25" s="6"/>
      <c r="EEP25" s="6"/>
      <c r="EEQ25" s="6"/>
      <c r="EER25" s="6"/>
      <c r="EES25" s="6"/>
      <c r="EET25" s="6"/>
      <c r="EEU25" s="6"/>
      <c r="EEV25" s="6"/>
      <c r="EEW25" s="6"/>
      <c r="EEX25" s="6"/>
      <c r="EEY25" s="6"/>
      <c r="EEZ25" s="6"/>
      <c r="EFA25" s="6"/>
      <c r="EFB25" s="6"/>
      <c r="EFC25" s="6"/>
      <c r="EFD25" s="6"/>
      <c r="EFE25" s="6"/>
      <c r="EFF25" s="6"/>
      <c r="EFG25" s="6"/>
      <c r="EFH25" s="6"/>
      <c r="EFI25" s="6"/>
      <c r="EFJ25" s="6"/>
      <c r="EFK25" s="6"/>
      <c r="EFL25" s="6"/>
      <c r="EFM25" s="6"/>
      <c r="EFN25" s="6"/>
      <c r="EFO25" s="6"/>
      <c r="EFP25" s="6"/>
      <c r="EFQ25" s="6"/>
      <c r="EFR25" s="6"/>
      <c r="EFS25" s="6"/>
      <c r="EFT25" s="6"/>
      <c r="EFU25" s="6"/>
      <c r="EFV25" s="6"/>
      <c r="EFW25" s="6"/>
      <c r="EFX25" s="6"/>
      <c r="EFY25" s="6"/>
      <c r="EFZ25" s="6"/>
      <c r="EGA25" s="6"/>
      <c r="EGB25" s="6"/>
      <c r="EGC25" s="6"/>
      <c r="EGD25" s="6"/>
      <c r="EGE25" s="6"/>
      <c r="EGF25" s="6"/>
      <c r="EGG25" s="6"/>
      <c r="EGH25" s="6"/>
      <c r="EGI25" s="6"/>
      <c r="EGJ25" s="6"/>
      <c r="EGK25" s="6"/>
      <c r="EGL25" s="6"/>
      <c r="EGM25" s="6"/>
      <c r="EGN25" s="6"/>
      <c r="EGO25" s="6"/>
      <c r="EGP25" s="6"/>
      <c r="EGQ25" s="6"/>
      <c r="EGR25" s="6"/>
      <c r="EGS25" s="6"/>
      <c r="EGT25" s="6"/>
      <c r="EGU25" s="6"/>
      <c r="EGV25" s="6"/>
      <c r="EGW25" s="6"/>
      <c r="EGX25" s="6"/>
      <c r="EGY25" s="6"/>
      <c r="EGZ25" s="6"/>
      <c r="EHA25" s="6"/>
      <c r="EHB25" s="6"/>
      <c r="EHC25" s="6"/>
      <c r="EHD25" s="6"/>
      <c r="EHE25" s="6"/>
      <c r="EHF25" s="6"/>
      <c r="EHG25" s="6"/>
      <c r="EHH25" s="6"/>
      <c r="EHI25" s="6"/>
      <c r="EHJ25" s="6"/>
      <c r="EHK25" s="6"/>
      <c r="EHL25" s="6"/>
      <c r="EHM25" s="6"/>
      <c r="EHN25" s="6"/>
      <c r="EHO25" s="6"/>
      <c r="EHP25" s="6"/>
      <c r="EHQ25" s="6"/>
      <c r="EHR25" s="6"/>
      <c r="EHS25" s="6"/>
      <c r="EHT25" s="6"/>
      <c r="EHU25" s="6"/>
      <c r="EHV25" s="6"/>
      <c r="EHW25" s="6"/>
      <c r="EHX25" s="6"/>
      <c r="EHY25" s="6"/>
      <c r="EHZ25" s="6"/>
      <c r="EIA25" s="6"/>
      <c r="EIB25" s="6"/>
      <c r="EIC25" s="6"/>
      <c r="EID25" s="6"/>
      <c r="EIE25" s="6"/>
      <c r="EIF25" s="6"/>
      <c r="EIG25" s="6"/>
      <c r="EIH25" s="6"/>
      <c r="EII25" s="6"/>
      <c r="EIJ25" s="6"/>
      <c r="EIK25" s="6"/>
      <c r="EIL25" s="6"/>
      <c r="EIM25" s="6"/>
      <c r="EIN25" s="6"/>
      <c r="EIO25" s="6"/>
      <c r="EIP25" s="6"/>
      <c r="EIQ25" s="6"/>
      <c r="EIR25" s="6"/>
      <c r="EIS25" s="6"/>
      <c r="EIT25" s="6"/>
      <c r="EIU25" s="6"/>
      <c r="EIV25" s="6"/>
      <c r="EIW25" s="6"/>
      <c r="EIX25" s="6"/>
      <c r="EIY25" s="6"/>
      <c r="EIZ25" s="6"/>
      <c r="EJA25" s="6"/>
      <c r="EJB25" s="6"/>
      <c r="EJC25" s="6"/>
      <c r="EJD25" s="6"/>
      <c r="EJE25" s="6"/>
      <c r="EJF25" s="6"/>
      <c r="EJG25" s="6"/>
      <c r="EJH25" s="6"/>
      <c r="EJI25" s="6"/>
      <c r="EJJ25" s="6"/>
      <c r="EJK25" s="6"/>
      <c r="EJL25" s="6"/>
      <c r="EJM25" s="6"/>
      <c r="EJN25" s="6"/>
      <c r="EJO25" s="6"/>
      <c r="EJP25" s="6"/>
      <c r="EJQ25" s="6"/>
      <c r="EJR25" s="6"/>
      <c r="EJS25" s="6"/>
      <c r="EJT25" s="6"/>
      <c r="EJU25" s="6"/>
      <c r="EJV25" s="6"/>
      <c r="EJW25" s="6"/>
      <c r="EJX25" s="6"/>
      <c r="EJY25" s="6"/>
      <c r="EJZ25" s="6"/>
      <c r="EKA25" s="6"/>
      <c r="EKB25" s="6"/>
      <c r="EKC25" s="6"/>
      <c r="EKD25" s="6"/>
      <c r="EKE25" s="6"/>
      <c r="EKF25" s="6"/>
      <c r="EKG25" s="6"/>
      <c r="EKH25" s="6"/>
      <c r="EKI25" s="6"/>
      <c r="EKJ25" s="6"/>
      <c r="EKK25" s="6"/>
      <c r="EKL25" s="6"/>
      <c r="EKM25" s="6"/>
      <c r="EKN25" s="6"/>
      <c r="EKO25" s="6"/>
      <c r="EKP25" s="6"/>
      <c r="EKQ25" s="6"/>
      <c r="EKR25" s="6"/>
      <c r="EKS25" s="6"/>
      <c r="EKT25" s="6"/>
      <c r="EKU25" s="6"/>
      <c r="EKV25" s="6"/>
      <c r="EKW25" s="6"/>
      <c r="EKX25" s="6"/>
      <c r="EKY25" s="6"/>
      <c r="EKZ25" s="6"/>
      <c r="ELA25" s="6"/>
      <c r="ELB25" s="6"/>
      <c r="ELC25" s="6"/>
      <c r="ELD25" s="6"/>
      <c r="ELE25" s="6"/>
      <c r="ELF25" s="6"/>
      <c r="ELG25" s="6"/>
      <c r="ELH25" s="6"/>
      <c r="ELI25" s="6"/>
      <c r="ELJ25" s="6"/>
      <c r="ELK25" s="6"/>
      <c r="ELL25" s="6"/>
      <c r="ELM25" s="6"/>
      <c r="ELN25" s="6"/>
      <c r="ELO25" s="6"/>
      <c r="ELP25" s="6"/>
      <c r="ELQ25" s="6"/>
      <c r="ELR25" s="6"/>
      <c r="ELS25" s="6"/>
      <c r="ELT25" s="6"/>
      <c r="ELU25" s="6"/>
      <c r="ELV25" s="6"/>
      <c r="ELW25" s="6"/>
      <c r="ELX25" s="6"/>
      <c r="ELY25" s="6"/>
      <c r="ELZ25" s="6"/>
      <c r="EMA25" s="6"/>
      <c r="EMB25" s="6"/>
      <c r="EMC25" s="6"/>
      <c r="EMD25" s="6"/>
      <c r="EME25" s="6"/>
      <c r="EMF25" s="6"/>
      <c r="EMG25" s="6"/>
      <c r="EMH25" s="6"/>
      <c r="EMI25" s="6"/>
      <c r="EMJ25" s="6"/>
      <c r="EMK25" s="6"/>
      <c r="EML25" s="6"/>
      <c r="EMM25" s="6"/>
      <c r="EMN25" s="6"/>
      <c r="EMO25" s="6"/>
      <c r="EMP25" s="6"/>
      <c r="EMQ25" s="6"/>
      <c r="EMR25" s="6"/>
      <c r="EMS25" s="6"/>
      <c r="EMT25" s="6"/>
      <c r="EMU25" s="6"/>
      <c r="EMV25" s="6"/>
      <c r="EMW25" s="6"/>
      <c r="EMX25" s="6"/>
      <c r="EMY25" s="6"/>
      <c r="EMZ25" s="6"/>
      <c r="ENA25" s="6"/>
      <c r="ENB25" s="6"/>
      <c r="ENC25" s="6"/>
      <c r="END25" s="6"/>
      <c r="ENE25" s="6"/>
      <c r="ENF25" s="6"/>
      <c r="ENG25" s="6"/>
      <c r="ENH25" s="6"/>
      <c r="ENI25" s="6"/>
      <c r="ENJ25" s="6"/>
      <c r="ENK25" s="6"/>
      <c r="ENL25" s="6"/>
      <c r="ENM25" s="6"/>
      <c r="ENN25" s="6"/>
      <c r="ENO25" s="6"/>
      <c r="ENP25" s="6"/>
      <c r="ENQ25" s="6"/>
      <c r="ENR25" s="6"/>
      <c r="ENS25" s="6"/>
      <c r="ENT25" s="6"/>
      <c r="ENU25" s="6"/>
      <c r="ENV25" s="6"/>
      <c r="ENW25" s="6"/>
      <c r="ENX25" s="6"/>
      <c r="ENY25" s="6"/>
      <c r="ENZ25" s="6"/>
      <c r="EOA25" s="6"/>
      <c r="EOB25" s="6"/>
      <c r="EOC25" s="6"/>
      <c r="EOD25" s="6"/>
      <c r="EOE25" s="6"/>
      <c r="EOF25" s="6"/>
      <c r="EOG25" s="6"/>
      <c r="EOH25" s="6"/>
      <c r="EOI25" s="6"/>
      <c r="EOJ25" s="6"/>
      <c r="EOK25" s="6"/>
      <c r="EOL25" s="6"/>
      <c r="EOM25" s="6"/>
      <c r="EON25" s="6"/>
      <c r="EOO25" s="6"/>
      <c r="EOP25" s="6"/>
      <c r="EOQ25" s="6"/>
      <c r="EOR25" s="6"/>
      <c r="EOS25" s="6"/>
      <c r="EOT25" s="6"/>
      <c r="EOU25" s="6"/>
      <c r="EOV25" s="6"/>
      <c r="EOW25" s="6"/>
      <c r="EOX25" s="6"/>
      <c r="EOY25" s="6"/>
      <c r="EOZ25" s="6"/>
      <c r="EPA25" s="6"/>
      <c r="EPB25" s="6"/>
      <c r="EPC25" s="6"/>
      <c r="EPD25" s="6"/>
      <c r="EPE25" s="6"/>
      <c r="EPF25" s="6"/>
      <c r="EPG25" s="6"/>
      <c r="EPH25" s="6"/>
      <c r="EPI25" s="6"/>
      <c r="EPJ25" s="6"/>
      <c r="EPK25" s="6"/>
      <c r="EPL25" s="6"/>
      <c r="EPM25" s="6"/>
      <c r="EPN25" s="6"/>
      <c r="EPO25" s="6"/>
      <c r="EPP25" s="6"/>
      <c r="EPQ25" s="6"/>
      <c r="EPR25" s="6"/>
      <c r="EPS25" s="6"/>
      <c r="EPT25" s="6"/>
      <c r="EPU25" s="6"/>
      <c r="EPV25" s="6"/>
      <c r="EPW25" s="6"/>
      <c r="EPX25" s="6"/>
      <c r="EPY25" s="6"/>
      <c r="EPZ25" s="6"/>
      <c r="EQA25" s="6"/>
      <c r="EQB25" s="6"/>
      <c r="EQC25" s="6"/>
      <c r="EQD25" s="6"/>
      <c r="EQE25" s="6"/>
      <c r="EQF25" s="6"/>
      <c r="EQG25" s="6"/>
      <c r="EQH25" s="6"/>
      <c r="EQI25" s="6"/>
      <c r="EQJ25" s="6"/>
      <c r="EQK25" s="6"/>
      <c r="EQL25" s="6"/>
      <c r="EQM25" s="6"/>
      <c r="EQN25" s="6"/>
      <c r="EQO25" s="6"/>
      <c r="EQP25" s="6"/>
      <c r="EQQ25" s="6"/>
      <c r="EQR25" s="6"/>
      <c r="EQS25" s="6"/>
      <c r="EQT25" s="6"/>
      <c r="EQU25" s="6"/>
      <c r="EQV25" s="6"/>
      <c r="EQW25" s="6"/>
      <c r="EQX25" s="6"/>
      <c r="EQY25" s="6"/>
      <c r="EQZ25" s="6"/>
      <c r="ERA25" s="6"/>
      <c r="ERB25" s="6"/>
      <c r="ERC25" s="6"/>
      <c r="ERD25" s="6"/>
      <c r="ERE25" s="6"/>
      <c r="ERF25" s="6"/>
      <c r="ERG25" s="6"/>
      <c r="ERH25" s="6"/>
      <c r="ERI25" s="6"/>
      <c r="ERJ25" s="6"/>
      <c r="ERK25" s="6"/>
      <c r="ERL25" s="6"/>
      <c r="ERM25" s="6"/>
      <c r="ERN25" s="6"/>
      <c r="ERO25" s="6"/>
      <c r="ERP25" s="6"/>
      <c r="ERQ25" s="6"/>
      <c r="ERR25" s="6"/>
      <c r="ERS25" s="6"/>
      <c r="ERT25" s="6"/>
      <c r="ERU25" s="6"/>
      <c r="ERV25" s="6"/>
      <c r="ERW25" s="6"/>
      <c r="ERX25" s="6"/>
      <c r="ERY25" s="6"/>
      <c r="ERZ25" s="6"/>
      <c r="ESA25" s="6"/>
      <c r="ESB25" s="6"/>
      <c r="ESC25" s="6"/>
      <c r="ESD25" s="6"/>
      <c r="ESE25" s="6"/>
      <c r="ESF25" s="6"/>
      <c r="ESG25" s="6"/>
      <c r="ESH25" s="6"/>
      <c r="ESI25" s="6"/>
      <c r="ESJ25" s="6"/>
      <c r="ESK25" s="6"/>
      <c r="ESL25" s="6"/>
      <c r="ESM25" s="6"/>
      <c r="ESN25" s="6"/>
      <c r="ESO25" s="6"/>
      <c r="ESP25" s="6"/>
      <c r="ESQ25" s="6"/>
      <c r="ESR25" s="6"/>
      <c r="ESS25" s="6"/>
      <c r="EST25" s="6"/>
      <c r="ESU25" s="6"/>
      <c r="ESV25" s="6"/>
      <c r="ESW25" s="6"/>
      <c r="ESX25" s="6"/>
      <c r="ESY25" s="6"/>
      <c r="ESZ25" s="6"/>
      <c r="ETA25" s="6"/>
      <c r="ETB25" s="6"/>
      <c r="ETC25" s="6"/>
      <c r="ETD25" s="6"/>
      <c r="ETE25" s="6"/>
      <c r="ETF25" s="6"/>
      <c r="ETG25" s="6"/>
      <c r="ETH25" s="6"/>
      <c r="ETI25" s="6"/>
      <c r="ETJ25" s="6"/>
      <c r="ETK25" s="6"/>
      <c r="ETL25" s="6"/>
      <c r="ETM25" s="6"/>
      <c r="ETN25" s="6"/>
      <c r="ETO25" s="6"/>
      <c r="ETP25" s="6"/>
      <c r="ETQ25" s="6"/>
      <c r="ETR25" s="6"/>
      <c r="ETS25" s="6"/>
      <c r="ETT25" s="6"/>
      <c r="ETU25" s="6"/>
      <c r="ETV25" s="6"/>
      <c r="ETW25" s="6"/>
      <c r="ETX25" s="6"/>
      <c r="ETY25" s="6"/>
      <c r="ETZ25" s="6"/>
      <c r="EUA25" s="6"/>
      <c r="EUB25" s="6"/>
      <c r="EUC25" s="6"/>
      <c r="EUD25" s="6"/>
      <c r="EUE25" s="6"/>
      <c r="EUF25" s="6"/>
      <c r="EUG25" s="6"/>
      <c r="EUH25" s="6"/>
      <c r="EUI25" s="6"/>
      <c r="EUJ25" s="6"/>
      <c r="EUK25" s="6"/>
      <c r="EUL25" s="6"/>
      <c r="EUM25" s="6"/>
      <c r="EUN25" s="6"/>
      <c r="EUO25" s="6"/>
      <c r="EUP25" s="6"/>
      <c r="EUQ25" s="6"/>
      <c r="EUR25" s="6"/>
      <c r="EUS25" s="6"/>
      <c r="EUT25" s="6"/>
      <c r="EUU25" s="6"/>
      <c r="EUV25" s="6"/>
      <c r="EUW25" s="6"/>
      <c r="EUX25" s="6"/>
      <c r="EUY25" s="6"/>
      <c r="EUZ25" s="6"/>
      <c r="EVA25" s="6"/>
      <c r="EVB25" s="6"/>
      <c r="EVC25" s="6"/>
      <c r="EVD25" s="6"/>
      <c r="EVE25" s="6"/>
      <c r="EVF25" s="6"/>
      <c r="EVG25" s="6"/>
      <c r="EVH25" s="6"/>
      <c r="EVI25" s="6"/>
      <c r="EVJ25" s="6"/>
      <c r="EVK25" s="6"/>
      <c r="EVL25" s="6"/>
      <c r="EVM25" s="6"/>
      <c r="EVN25" s="6"/>
      <c r="EVO25" s="6"/>
      <c r="EVP25" s="6"/>
      <c r="EVQ25" s="6"/>
      <c r="EVR25" s="6"/>
      <c r="EVS25" s="6"/>
      <c r="EVT25" s="6"/>
      <c r="EVU25" s="6"/>
      <c r="EVV25" s="6"/>
      <c r="EVW25" s="6"/>
      <c r="EVX25" s="6"/>
      <c r="EVY25" s="6"/>
      <c r="EVZ25" s="6"/>
      <c r="EWA25" s="6"/>
      <c r="EWB25" s="6"/>
      <c r="EWC25" s="6"/>
      <c r="EWD25" s="6"/>
      <c r="EWE25" s="6"/>
      <c r="EWF25" s="6"/>
      <c r="EWG25" s="6"/>
      <c r="EWH25" s="6"/>
      <c r="EWI25" s="6"/>
      <c r="EWJ25" s="6"/>
      <c r="EWK25" s="6"/>
      <c r="EWL25" s="6"/>
      <c r="EWM25" s="6"/>
      <c r="EWN25" s="6"/>
      <c r="EWO25" s="6"/>
      <c r="EWP25" s="6"/>
      <c r="EWQ25" s="6"/>
      <c r="EWR25" s="6"/>
      <c r="EWS25" s="6"/>
      <c r="EWT25" s="6"/>
      <c r="EWU25" s="6"/>
      <c r="EWV25" s="6"/>
      <c r="EWW25" s="6"/>
      <c r="EWX25" s="6"/>
      <c r="EWY25" s="6"/>
      <c r="EWZ25" s="6"/>
      <c r="EXA25" s="6"/>
      <c r="EXB25" s="6"/>
      <c r="EXC25" s="6"/>
      <c r="EXD25" s="6"/>
      <c r="EXE25" s="6"/>
      <c r="EXF25" s="6"/>
      <c r="EXG25" s="6"/>
      <c r="EXH25" s="6"/>
      <c r="EXI25" s="6"/>
      <c r="EXJ25" s="6"/>
      <c r="EXK25" s="6"/>
      <c r="EXL25" s="6"/>
      <c r="EXM25" s="6"/>
      <c r="EXN25" s="6"/>
      <c r="EXO25" s="6"/>
      <c r="EXP25" s="6"/>
      <c r="EXQ25" s="6"/>
      <c r="EXR25" s="6"/>
      <c r="EXS25" s="6"/>
      <c r="EXT25" s="6"/>
      <c r="EXU25" s="6"/>
      <c r="EXV25" s="6"/>
      <c r="EXW25" s="6"/>
      <c r="EXX25" s="6"/>
      <c r="EXY25" s="6"/>
      <c r="EXZ25" s="6"/>
      <c r="EYA25" s="6"/>
      <c r="EYB25" s="6"/>
      <c r="EYC25" s="6"/>
      <c r="EYD25" s="6"/>
      <c r="EYE25" s="6"/>
      <c r="EYF25" s="6"/>
      <c r="EYG25" s="6"/>
      <c r="EYH25" s="6"/>
      <c r="EYI25" s="6"/>
      <c r="EYJ25" s="6"/>
      <c r="EYK25" s="6"/>
      <c r="EYL25" s="6"/>
      <c r="EYM25" s="6"/>
      <c r="EYN25" s="6"/>
      <c r="EYO25" s="6"/>
      <c r="EYP25" s="6"/>
      <c r="EYQ25" s="6"/>
      <c r="EYR25" s="6"/>
      <c r="EYS25" s="6"/>
      <c r="EYT25" s="6"/>
      <c r="EYU25" s="6"/>
      <c r="EYV25" s="6"/>
      <c r="EYW25" s="6"/>
      <c r="EYX25" s="6"/>
      <c r="EYY25" s="6"/>
      <c r="EYZ25" s="6"/>
      <c r="EZA25" s="6"/>
      <c r="EZB25" s="6"/>
      <c r="EZC25" s="6"/>
      <c r="EZD25" s="6"/>
      <c r="EZE25" s="6"/>
      <c r="EZF25" s="6"/>
      <c r="EZG25" s="6"/>
      <c r="EZH25" s="6"/>
      <c r="EZI25" s="6"/>
      <c r="EZJ25" s="6"/>
      <c r="EZK25" s="6"/>
      <c r="EZL25" s="6"/>
      <c r="EZM25" s="6"/>
      <c r="EZN25" s="6"/>
      <c r="EZO25" s="6"/>
      <c r="EZP25" s="6"/>
      <c r="EZQ25" s="6"/>
      <c r="EZR25" s="6"/>
      <c r="EZS25" s="6"/>
      <c r="EZT25" s="6"/>
      <c r="EZU25" s="6"/>
      <c r="EZV25" s="6"/>
      <c r="EZW25" s="6"/>
      <c r="EZX25" s="6"/>
      <c r="EZY25" s="6"/>
      <c r="EZZ25" s="6"/>
      <c r="FAA25" s="6"/>
      <c r="FAB25" s="6"/>
      <c r="FAC25" s="6"/>
      <c r="FAD25" s="6"/>
      <c r="FAE25" s="6"/>
      <c r="FAF25" s="6"/>
      <c r="FAG25" s="6"/>
      <c r="FAH25" s="6"/>
      <c r="FAI25" s="6"/>
      <c r="FAJ25" s="6"/>
      <c r="FAK25" s="6"/>
      <c r="FAL25" s="6"/>
      <c r="FAM25" s="6"/>
      <c r="FAN25" s="6"/>
      <c r="FAO25" s="6"/>
      <c r="FAP25" s="6"/>
      <c r="FAQ25" s="6"/>
      <c r="FAR25" s="6"/>
      <c r="FAS25" s="6"/>
      <c r="FAT25" s="6"/>
      <c r="FAU25" s="6"/>
      <c r="FAV25" s="6"/>
      <c r="FAW25" s="6"/>
      <c r="FAX25" s="6"/>
      <c r="FAY25" s="6"/>
      <c r="FAZ25" s="6"/>
      <c r="FBA25" s="6"/>
      <c r="FBB25" s="6"/>
      <c r="FBC25" s="6"/>
      <c r="FBD25" s="6"/>
      <c r="FBE25" s="6"/>
      <c r="FBF25" s="6"/>
      <c r="FBG25" s="6"/>
      <c r="FBH25" s="6"/>
      <c r="FBI25" s="6"/>
      <c r="FBJ25" s="6"/>
      <c r="FBK25" s="6"/>
      <c r="FBL25" s="6"/>
      <c r="FBM25" s="6"/>
      <c r="FBN25" s="6"/>
      <c r="FBO25" s="6"/>
      <c r="FBP25" s="6"/>
      <c r="FBQ25" s="6"/>
      <c r="FBR25" s="6"/>
      <c r="FBS25" s="6"/>
      <c r="FBT25" s="6"/>
      <c r="FBU25" s="6"/>
      <c r="FBV25" s="6"/>
      <c r="FBW25" s="6"/>
      <c r="FBX25" s="6"/>
      <c r="FBY25" s="6"/>
      <c r="FBZ25" s="6"/>
      <c r="FCA25" s="6"/>
      <c r="FCB25" s="6"/>
      <c r="FCC25" s="6"/>
      <c r="FCD25" s="6"/>
      <c r="FCE25" s="6"/>
      <c r="FCF25" s="6"/>
      <c r="FCG25" s="6"/>
      <c r="FCH25" s="6"/>
      <c r="FCI25" s="6"/>
      <c r="FCJ25" s="6"/>
      <c r="FCK25" s="6"/>
      <c r="FCL25" s="6"/>
      <c r="FCM25" s="6"/>
      <c r="FCN25" s="6"/>
      <c r="FCO25" s="6"/>
      <c r="FCP25" s="6"/>
      <c r="FCQ25" s="6"/>
      <c r="FCR25" s="6"/>
      <c r="FCS25" s="6"/>
      <c r="FCT25" s="6"/>
      <c r="FCU25" s="6"/>
      <c r="FCV25" s="6"/>
      <c r="FCW25" s="6"/>
      <c r="FCX25" s="6"/>
      <c r="FCY25" s="6"/>
      <c r="FCZ25" s="6"/>
      <c r="FDA25" s="6"/>
      <c r="FDB25" s="6"/>
      <c r="FDC25" s="6"/>
      <c r="FDD25" s="6"/>
      <c r="FDE25" s="6"/>
      <c r="FDF25" s="6"/>
      <c r="FDG25" s="6"/>
      <c r="FDH25" s="6"/>
      <c r="FDI25" s="6"/>
      <c r="FDJ25" s="6"/>
      <c r="FDK25" s="6"/>
      <c r="FDL25" s="6"/>
      <c r="FDM25" s="6"/>
      <c r="FDN25" s="6"/>
      <c r="FDO25" s="6"/>
      <c r="FDP25" s="6"/>
      <c r="FDQ25" s="6"/>
      <c r="FDR25" s="6"/>
      <c r="FDS25" s="6"/>
      <c r="FDT25" s="6"/>
      <c r="FDU25" s="6"/>
      <c r="FDV25" s="6"/>
      <c r="FDW25" s="6"/>
      <c r="FDX25" s="6"/>
      <c r="FDY25" s="6"/>
      <c r="FDZ25" s="6"/>
      <c r="FEA25" s="6"/>
      <c r="FEB25" s="6"/>
      <c r="FEC25" s="6"/>
      <c r="FED25" s="6"/>
      <c r="FEE25" s="6"/>
      <c r="FEF25" s="6"/>
      <c r="FEG25" s="6"/>
      <c r="FEH25" s="6"/>
      <c r="FEI25" s="6"/>
      <c r="FEJ25" s="6"/>
      <c r="FEK25" s="6"/>
      <c r="FEL25" s="6"/>
      <c r="FEM25" s="6"/>
      <c r="FEN25" s="6"/>
      <c r="FEO25" s="6"/>
      <c r="FEP25" s="6"/>
      <c r="FEQ25" s="6"/>
      <c r="FER25" s="6"/>
      <c r="FES25" s="6"/>
      <c r="FET25" s="6"/>
      <c r="FEU25" s="6"/>
      <c r="FEV25" s="6"/>
      <c r="FEW25" s="6"/>
      <c r="FEX25" s="6"/>
      <c r="FEY25" s="6"/>
      <c r="FEZ25" s="6"/>
      <c r="FFA25" s="6"/>
      <c r="FFB25" s="6"/>
      <c r="FFC25" s="6"/>
      <c r="FFD25" s="6"/>
      <c r="FFE25" s="6"/>
      <c r="FFF25" s="6"/>
      <c r="FFG25" s="6"/>
      <c r="FFH25" s="6"/>
      <c r="FFI25" s="6"/>
      <c r="FFJ25" s="6"/>
      <c r="FFK25" s="6"/>
      <c r="FFL25" s="6"/>
      <c r="FFM25" s="6"/>
      <c r="FFN25" s="6"/>
      <c r="FFO25" s="6"/>
      <c r="FFP25" s="6"/>
      <c r="FFQ25" s="6"/>
      <c r="FFR25" s="6"/>
      <c r="FFS25" s="6"/>
      <c r="FFT25" s="6"/>
      <c r="FFU25" s="6"/>
      <c r="FFV25" s="6"/>
      <c r="FFW25" s="6"/>
      <c r="FFX25" s="6"/>
      <c r="FFY25" s="6"/>
      <c r="FFZ25" s="6"/>
      <c r="FGA25" s="6"/>
      <c r="FGB25" s="6"/>
      <c r="FGC25" s="6"/>
      <c r="FGD25" s="6"/>
      <c r="FGE25" s="6"/>
      <c r="FGF25" s="6"/>
      <c r="FGG25" s="6"/>
      <c r="FGH25" s="6"/>
      <c r="FGI25" s="6"/>
      <c r="FGJ25" s="6"/>
      <c r="FGK25" s="6"/>
      <c r="FGL25" s="6"/>
      <c r="FGM25" s="6"/>
      <c r="FGN25" s="6"/>
      <c r="FGO25" s="6"/>
      <c r="FGP25" s="6"/>
      <c r="FGQ25" s="6"/>
      <c r="FGR25" s="6"/>
      <c r="FGS25" s="6"/>
      <c r="FGT25" s="6"/>
      <c r="FGU25" s="6"/>
      <c r="FGV25" s="6"/>
      <c r="FGW25" s="6"/>
      <c r="FGX25" s="6"/>
      <c r="FGY25" s="6"/>
      <c r="FGZ25" s="6"/>
      <c r="FHA25" s="6"/>
      <c r="FHB25" s="6"/>
      <c r="FHC25" s="6"/>
      <c r="FHD25" s="6"/>
      <c r="FHE25" s="6"/>
      <c r="FHF25" s="6"/>
      <c r="FHG25" s="6"/>
      <c r="FHH25" s="6"/>
      <c r="FHI25" s="6"/>
      <c r="FHJ25" s="6"/>
      <c r="FHK25" s="6"/>
      <c r="FHL25" s="6"/>
      <c r="FHM25" s="6"/>
      <c r="FHN25" s="6"/>
      <c r="FHO25" s="6"/>
      <c r="FHP25" s="6"/>
      <c r="FHQ25" s="6"/>
      <c r="FHR25" s="6"/>
      <c r="FHS25" s="6"/>
      <c r="FHT25" s="6"/>
      <c r="FHU25" s="6"/>
      <c r="FHV25" s="6"/>
      <c r="FHW25" s="6"/>
      <c r="FHX25" s="6"/>
      <c r="FHY25" s="6"/>
      <c r="FHZ25" s="6"/>
      <c r="FIA25" s="6"/>
      <c r="FIB25" s="6"/>
      <c r="FIC25" s="6"/>
      <c r="FID25" s="6"/>
      <c r="FIE25" s="6"/>
      <c r="FIF25" s="6"/>
      <c r="FIG25" s="6"/>
      <c r="FIH25" s="6"/>
      <c r="FII25" s="6"/>
      <c r="FIJ25" s="6"/>
      <c r="FIK25" s="6"/>
      <c r="FIL25" s="6"/>
      <c r="FIM25" s="6"/>
      <c r="FIN25" s="6"/>
      <c r="FIO25" s="6"/>
      <c r="FIP25" s="6"/>
      <c r="FIQ25" s="6"/>
      <c r="FIR25" s="6"/>
      <c r="FIS25" s="6"/>
      <c r="FIT25" s="6"/>
      <c r="FIU25" s="6"/>
      <c r="FIV25" s="6"/>
      <c r="FIW25" s="6"/>
      <c r="FIX25" s="6"/>
      <c r="FIY25" s="6"/>
      <c r="FIZ25" s="6"/>
      <c r="FJA25" s="6"/>
      <c r="FJB25" s="6"/>
      <c r="FJC25" s="6"/>
      <c r="FJD25" s="6"/>
      <c r="FJE25" s="6"/>
      <c r="FJF25" s="6"/>
      <c r="FJG25" s="6"/>
      <c r="FJH25" s="6"/>
      <c r="FJI25" s="6"/>
      <c r="FJJ25" s="6"/>
      <c r="FJK25" s="6"/>
      <c r="FJL25" s="6"/>
      <c r="FJM25" s="6"/>
      <c r="FJN25" s="6"/>
      <c r="FJO25" s="6"/>
      <c r="FJP25" s="6"/>
      <c r="FJQ25" s="6"/>
      <c r="FJR25" s="6"/>
      <c r="FJS25" s="6"/>
      <c r="FJT25" s="6"/>
      <c r="FJU25" s="6"/>
      <c r="FJV25" s="6"/>
      <c r="FJW25" s="6"/>
      <c r="FJX25" s="6"/>
      <c r="FJY25" s="6"/>
      <c r="FJZ25" s="6"/>
      <c r="FKA25" s="6"/>
      <c r="FKB25" s="6"/>
      <c r="FKC25" s="6"/>
      <c r="FKD25" s="6"/>
      <c r="FKE25" s="6"/>
      <c r="FKF25" s="6"/>
      <c r="FKG25" s="6"/>
      <c r="FKH25" s="6"/>
      <c r="FKI25" s="6"/>
      <c r="FKJ25" s="6"/>
      <c r="FKK25" s="6"/>
      <c r="FKL25" s="6"/>
      <c r="FKM25" s="6"/>
      <c r="FKN25" s="6"/>
      <c r="FKO25" s="6"/>
      <c r="FKP25" s="6"/>
      <c r="FKQ25" s="6"/>
      <c r="FKR25" s="6"/>
      <c r="FKS25" s="6"/>
      <c r="FKT25" s="6"/>
      <c r="FKU25" s="6"/>
      <c r="FKV25" s="6"/>
      <c r="FKW25" s="6"/>
      <c r="FKX25" s="6"/>
      <c r="FKY25" s="6"/>
      <c r="FKZ25" s="6"/>
      <c r="FLA25" s="6"/>
      <c r="FLB25" s="6"/>
      <c r="FLC25" s="6"/>
      <c r="FLD25" s="6"/>
      <c r="FLE25" s="6"/>
      <c r="FLF25" s="6"/>
      <c r="FLG25" s="6"/>
      <c r="FLH25" s="6"/>
      <c r="FLI25" s="6"/>
      <c r="FLJ25" s="6"/>
      <c r="FLK25" s="6"/>
      <c r="FLL25" s="6"/>
      <c r="FLM25" s="6"/>
      <c r="FLN25" s="6"/>
      <c r="FLO25" s="6"/>
      <c r="FLP25" s="6"/>
      <c r="FLQ25" s="6"/>
      <c r="FLR25" s="6"/>
      <c r="FLS25" s="6"/>
      <c r="FLT25" s="6"/>
      <c r="FLU25" s="6"/>
      <c r="FLV25" s="6"/>
      <c r="FLW25" s="6"/>
      <c r="FLX25" s="6"/>
      <c r="FLY25" s="6"/>
      <c r="FLZ25" s="6"/>
      <c r="FMA25" s="6"/>
      <c r="FMB25" s="6"/>
      <c r="FMC25" s="6"/>
      <c r="FMD25" s="6"/>
      <c r="FME25" s="6"/>
      <c r="FMF25" s="6"/>
      <c r="FMG25" s="6"/>
      <c r="FMH25" s="6"/>
      <c r="FMI25" s="6"/>
      <c r="FMJ25" s="6"/>
      <c r="FMK25" s="6"/>
      <c r="FML25" s="6"/>
      <c r="FMM25" s="6"/>
      <c r="FMN25" s="6"/>
      <c r="FMO25" s="6"/>
      <c r="FMP25" s="6"/>
      <c r="FMQ25" s="6"/>
      <c r="FMR25" s="6"/>
      <c r="FMS25" s="6"/>
      <c r="FMT25" s="6"/>
      <c r="FMU25" s="6"/>
      <c r="FMV25" s="6"/>
      <c r="FMW25" s="6"/>
      <c r="FMX25" s="6"/>
      <c r="FMY25" s="6"/>
      <c r="FMZ25" s="6"/>
      <c r="FNA25" s="6"/>
      <c r="FNB25" s="6"/>
      <c r="FNC25" s="6"/>
      <c r="FND25" s="6"/>
      <c r="FNE25" s="6"/>
      <c r="FNF25" s="6"/>
      <c r="FNG25" s="6"/>
      <c r="FNH25" s="6"/>
      <c r="FNI25" s="6"/>
      <c r="FNJ25" s="6"/>
      <c r="FNK25" s="6"/>
      <c r="FNL25" s="6"/>
      <c r="FNM25" s="6"/>
      <c r="FNN25" s="6"/>
      <c r="FNO25" s="6"/>
      <c r="FNP25" s="6"/>
      <c r="FNQ25" s="6"/>
      <c r="FNR25" s="6"/>
      <c r="FNS25" s="6"/>
      <c r="FNT25" s="6"/>
      <c r="FNU25" s="6"/>
      <c r="FNV25" s="6"/>
      <c r="FNW25" s="6"/>
      <c r="FNX25" s="6"/>
      <c r="FNY25" s="6"/>
      <c r="FNZ25" s="6"/>
      <c r="FOA25" s="6"/>
      <c r="FOB25" s="6"/>
      <c r="FOC25" s="6"/>
      <c r="FOD25" s="6"/>
      <c r="FOE25" s="6"/>
      <c r="FOF25" s="6"/>
      <c r="FOG25" s="6"/>
      <c r="FOH25" s="6"/>
      <c r="FOI25" s="6"/>
      <c r="FOJ25" s="6"/>
      <c r="FOK25" s="6"/>
      <c r="FOL25" s="6"/>
      <c r="FOM25" s="6"/>
      <c r="FON25" s="6"/>
      <c r="FOO25" s="6"/>
      <c r="FOP25" s="6"/>
      <c r="FOQ25" s="6"/>
      <c r="FOR25" s="6"/>
      <c r="FOS25" s="6"/>
      <c r="FOT25" s="6"/>
      <c r="FOU25" s="6"/>
      <c r="FOV25" s="6"/>
      <c r="FOW25" s="6"/>
      <c r="FOX25" s="6"/>
      <c r="FOY25" s="6"/>
      <c r="FOZ25" s="6"/>
      <c r="FPA25" s="6"/>
      <c r="FPB25" s="6"/>
      <c r="FPC25" s="6"/>
      <c r="FPD25" s="6"/>
      <c r="FPE25" s="6"/>
      <c r="FPF25" s="6"/>
      <c r="FPG25" s="6"/>
      <c r="FPH25" s="6"/>
      <c r="FPI25" s="6"/>
      <c r="FPJ25" s="6"/>
      <c r="FPK25" s="6"/>
      <c r="FPL25" s="6"/>
      <c r="FPM25" s="6"/>
      <c r="FPN25" s="6"/>
      <c r="FPO25" s="6"/>
      <c r="FPP25" s="6"/>
      <c r="FPQ25" s="6"/>
      <c r="FPR25" s="6"/>
      <c r="FPS25" s="6"/>
      <c r="FPT25" s="6"/>
      <c r="FPU25" s="6"/>
      <c r="FPV25" s="6"/>
      <c r="FPW25" s="6"/>
      <c r="FPX25" s="6"/>
      <c r="FPY25" s="6"/>
      <c r="FPZ25" s="6"/>
      <c r="FQA25" s="6"/>
      <c r="FQB25" s="6"/>
      <c r="FQC25" s="6"/>
      <c r="FQD25" s="6"/>
      <c r="FQE25" s="6"/>
      <c r="FQF25" s="6"/>
      <c r="FQG25" s="6"/>
      <c r="FQH25" s="6"/>
      <c r="FQI25" s="6"/>
      <c r="FQJ25" s="6"/>
      <c r="FQK25" s="6"/>
      <c r="FQL25" s="6"/>
      <c r="FQM25" s="6"/>
      <c r="FQN25" s="6"/>
      <c r="FQO25" s="6"/>
      <c r="FQP25" s="6"/>
      <c r="FQQ25" s="6"/>
      <c r="FQR25" s="6"/>
      <c r="FQS25" s="6"/>
      <c r="FQT25" s="6"/>
      <c r="FQU25" s="6"/>
      <c r="FQV25" s="6"/>
      <c r="FQW25" s="6"/>
      <c r="FQX25" s="6"/>
      <c r="FQY25" s="6"/>
      <c r="FQZ25" s="6"/>
      <c r="FRA25" s="6"/>
      <c r="FRB25" s="6"/>
      <c r="FRC25" s="6"/>
      <c r="FRD25" s="6"/>
      <c r="FRE25" s="6"/>
      <c r="FRF25" s="6"/>
      <c r="FRG25" s="6"/>
      <c r="FRH25" s="6"/>
      <c r="FRI25" s="6"/>
      <c r="FRJ25" s="6"/>
      <c r="FRK25" s="6"/>
      <c r="FRL25" s="6"/>
      <c r="FRM25" s="6"/>
      <c r="FRN25" s="6"/>
      <c r="FRO25" s="6"/>
      <c r="FRP25" s="6"/>
      <c r="FRQ25" s="6"/>
      <c r="FRR25" s="6"/>
      <c r="FRS25" s="6"/>
      <c r="FRT25" s="6"/>
      <c r="FRU25" s="6"/>
      <c r="FRV25" s="6"/>
      <c r="FRW25" s="6"/>
      <c r="FRX25" s="6"/>
      <c r="FRY25" s="6"/>
      <c r="FRZ25" s="6"/>
      <c r="FSA25" s="6"/>
      <c r="FSB25" s="6"/>
      <c r="FSC25" s="6"/>
      <c r="FSD25" s="6"/>
      <c r="FSE25" s="6"/>
      <c r="FSF25" s="6"/>
      <c r="FSG25" s="6"/>
      <c r="FSH25" s="6"/>
      <c r="FSI25" s="6"/>
      <c r="FSJ25" s="6"/>
      <c r="FSK25" s="6"/>
      <c r="FSL25" s="6"/>
      <c r="FSM25" s="6"/>
      <c r="FSN25" s="6"/>
      <c r="FSO25" s="6"/>
      <c r="FSP25" s="6"/>
      <c r="FSQ25" s="6"/>
      <c r="FSR25" s="6"/>
      <c r="FSS25" s="6"/>
      <c r="FST25" s="6"/>
      <c r="FSU25" s="6"/>
      <c r="FSV25" s="6"/>
      <c r="FSW25" s="6"/>
      <c r="FSX25" s="6"/>
      <c r="FSY25" s="6"/>
      <c r="FSZ25" s="6"/>
      <c r="FTA25" s="6"/>
      <c r="FTB25" s="6"/>
      <c r="FTC25" s="6"/>
      <c r="FTD25" s="6"/>
      <c r="FTE25" s="6"/>
      <c r="FTF25" s="6"/>
      <c r="FTG25" s="6"/>
      <c r="FTH25" s="6"/>
      <c r="FTI25" s="6"/>
      <c r="FTJ25" s="6"/>
      <c r="FTK25" s="6"/>
      <c r="FTL25" s="6"/>
      <c r="FTM25" s="6"/>
      <c r="FTN25" s="6"/>
      <c r="FTO25" s="6"/>
      <c r="FTP25" s="6"/>
      <c r="FTQ25" s="6"/>
      <c r="FTR25" s="6"/>
      <c r="FTS25" s="6"/>
      <c r="FTT25" s="6"/>
      <c r="FTU25" s="6"/>
      <c r="FTV25" s="6"/>
      <c r="FTW25" s="6"/>
      <c r="FTX25" s="6"/>
      <c r="FTY25" s="6"/>
      <c r="FTZ25" s="6"/>
      <c r="FUA25" s="6"/>
      <c r="FUB25" s="6"/>
      <c r="FUC25" s="6"/>
      <c r="FUD25" s="6"/>
      <c r="FUE25" s="6"/>
      <c r="FUF25" s="6"/>
      <c r="FUG25" s="6"/>
      <c r="FUH25" s="6"/>
      <c r="FUI25" s="6"/>
      <c r="FUJ25" s="6"/>
      <c r="FUK25" s="6"/>
      <c r="FUL25" s="6"/>
      <c r="FUM25" s="6"/>
      <c r="FUN25" s="6"/>
      <c r="FUO25" s="6"/>
      <c r="FUP25" s="6"/>
      <c r="FUQ25" s="6"/>
      <c r="FUR25" s="6"/>
      <c r="FUS25" s="6"/>
      <c r="FUT25" s="6"/>
      <c r="FUU25" s="6"/>
      <c r="FUV25" s="6"/>
      <c r="FUW25" s="6"/>
      <c r="FUX25" s="6"/>
      <c r="FUY25" s="6"/>
      <c r="FUZ25" s="6"/>
      <c r="FVA25" s="6"/>
      <c r="FVB25" s="6"/>
      <c r="FVC25" s="6"/>
      <c r="FVD25" s="6"/>
      <c r="FVE25" s="6"/>
      <c r="FVF25" s="6"/>
      <c r="FVG25" s="6"/>
      <c r="FVH25" s="6"/>
      <c r="FVI25" s="6"/>
      <c r="FVJ25" s="6"/>
      <c r="FVK25" s="6"/>
      <c r="FVL25" s="6"/>
      <c r="FVM25" s="6"/>
      <c r="FVN25" s="6"/>
      <c r="FVO25" s="6"/>
      <c r="FVP25" s="6"/>
      <c r="FVQ25" s="6"/>
      <c r="FVR25" s="6"/>
      <c r="FVS25" s="6"/>
      <c r="FVT25" s="6"/>
      <c r="FVU25" s="6"/>
      <c r="FVV25" s="6"/>
      <c r="FVW25" s="6"/>
      <c r="FVX25" s="6"/>
      <c r="FVY25" s="6"/>
      <c r="FVZ25" s="6"/>
      <c r="FWA25" s="6"/>
      <c r="FWB25" s="6"/>
      <c r="FWC25" s="6"/>
      <c r="FWD25" s="6"/>
      <c r="FWE25" s="6"/>
      <c r="FWF25" s="6"/>
      <c r="FWG25" s="6"/>
      <c r="FWH25" s="6"/>
      <c r="FWI25" s="6"/>
      <c r="FWJ25" s="6"/>
      <c r="FWK25" s="6"/>
      <c r="FWL25" s="6"/>
      <c r="FWM25" s="6"/>
      <c r="FWN25" s="6"/>
      <c r="FWO25" s="6"/>
      <c r="FWP25" s="6"/>
      <c r="FWQ25" s="6"/>
      <c r="FWR25" s="6"/>
      <c r="FWS25" s="6"/>
      <c r="FWT25" s="6"/>
      <c r="FWU25" s="6"/>
      <c r="FWV25" s="6"/>
      <c r="FWW25" s="6"/>
      <c r="FWX25" s="6"/>
      <c r="FWY25" s="6"/>
      <c r="FWZ25" s="6"/>
      <c r="FXA25" s="6"/>
      <c r="FXB25" s="6"/>
      <c r="FXC25" s="6"/>
      <c r="FXD25" s="6"/>
      <c r="FXE25" s="6"/>
      <c r="FXF25" s="6"/>
      <c r="FXG25" s="6"/>
      <c r="FXH25" s="6"/>
      <c r="FXI25" s="6"/>
      <c r="FXJ25" s="6"/>
      <c r="FXK25" s="6"/>
      <c r="FXL25" s="6"/>
      <c r="FXM25" s="6"/>
      <c r="FXN25" s="6"/>
      <c r="FXO25" s="6"/>
      <c r="FXP25" s="6"/>
      <c r="FXQ25" s="6"/>
      <c r="FXR25" s="6"/>
      <c r="FXS25" s="6"/>
      <c r="FXT25" s="6"/>
      <c r="FXU25" s="6"/>
      <c r="FXV25" s="6"/>
      <c r="FXW25" s="6"/>
      <c r="FXX25" s="6"/>
      <c r="FXY25" s="6"/>
      <c r="FXZ25" s="6"/>
      <c r="FYA25" s="6"/>
      <c r="FYB25" s="6"/>
      <c r="FYC25" s="6"/>
      <c r="FYD25" s="6"/>
      <c r="FYE25" s="6"/>
      <c r="FYF25" s="6"/>
      <c r="FYG25" s="6"/>
      <c r="FYH25" s="6"/>
      <c r="FYI25" s="6"/>
      <c r="FYJ25" s="6"/>
      <c r="FYK25" s="6"/>
      <c r="FYL25" s="6"/>
      <c r="FYM25" s="6"/>
      <c r="FYN25" s="6"/>
      <c r="FYO25" s="6"/>
      <c r="FYP25" s="6"/>
      <c r="FYQ25" s="6"/>
      <c r="FYR25" s="6"/>
      <c r="FYS25" s="6"/>
      <c r="FYT25" s="6"/>
      <c r="FYU25" s="6"/>
      <c r="FYV25" s="6"/>
      <c r="FYW25" s="6"/>
      <c r="FYX25" s="6"/>
      <c r="FYY25" s="6"/>
      <c r="FYZ25" s="6"/>
      <c r="FZA25" s="6"/>
      <c r="FZB25" s="6"/>
      <c r="FZC25" s="6"/>
      <c r="FZD25" s="6"/>
      <c r="FZE25" s="6"/>
      <c r="FZF25" s="6"/>
      <c r="FZG25" s="6"/>
      <c r="FZH25" s="6"/>
      <c r="FZI25" s="6"/>
      <c r="FZJ25" s="6"/>
      <c r="FZK25" s="6"/>
      <c r="FZL25" s="6"/>
      <c r="FZM25" s="6"/>
      <c r="FZN25" s="6"/>
      <c r="FZO25" s="6"/>
      <c r="FZP25" s="6"/>
      <c r="FZQ25" s="6"/>
      <c r="FZR25" s="6"/>
      <c r="FZS25" s="6"/>
      <c r="FZT25" s="6"/>
      <c r="FZU25" s="6"/>
      <c r="FZV25" s="6"/>
      <c r="FZW25" s="6"/>
      <c r="FZX25" s="6"/>
      <c r="FZY25" s="6"/>
      <c r="FZZ25" s="6"/>
      <c r="GAA25" s="6"/>
      <c r="GAB25" s="6"/>
      <c r="GAC25" s="6"/>
      <c r="GAD25" s="6"/>
      <c r="GAE25" s="6"/>
      <c r="GAF25" s="6"/>
      <c r="GAG25" s="6"/>
      <c r="GAH25" s="6"/>
      <c r="GAI25" s="6"/>
      <c r="GAJ25" s="6"/>
      <c r="GAK25" s="6"/>
      <c r="GAL25" s="6"/>
      <c r="GAM25" s="6"/>
      <c r="GAN25" s="6"/>
      <c r="GAO25" s="6"/>
      <c r="GAP25" s="6"/>
      <c r="GAQ25" s="6"/>
      <c r="GAR25" s="6"/>
      <c r="GAS25" s="6"/>
      <c r="GAT25" s="6"/>
      <c r="GAU25" s="6"/>
      <c r="GAV25" s="6"/>
      <c r="GAW25" s="6"/>
      <c r="GAX25" s="6"/>
      <c r="GAY25" s="6"/>
      <c r="GAZ25" s="6"/>
      <c r="GBA25" s="6"/>
      <c r="GBB25" s="6"/>
      <c r="GBC25" s="6"/>
      <c r="GBD25" s="6"/>
      <c r="GBE25" s="6"/>
      <c r="GBF25" s="6"/>
      <c r="GBG25" s="6"/>
      <c r="GBH25" s="6"/>
      <c r="GBI25" s="6"/>
      <c r="GBJ25" s="6"/>
      <c r="GBK25" s="6"/>
      <c r="GBL25" s="6"/>
      <c r="GBM25" s="6"/>
      <c r="GBN25" s="6"/>
      <c r="GBO25" s="6"/>
      <c r="GBP25" s="6"/>
      <c r="GBQ25" s="6"/>
      <c r="GBR25" s="6"/>
      <c r="GBS25" s="6"/>
      <c r="GBT25" s="6"/>
      <c r="GBU25" s="6"/>
      <c r="GBV25" s="6"/>
      <c r="GBW25" s="6"/>
      <c r="GBX25" s="6"/>
      <c r="GBY25" s="6"/>
      <c r="GBZ25" s="6"/>
      <c r="GCA25" s="6"/>
      <c r="GCB25" s="6"/>
      <c r="GCC25" s="6"/>
      <c r="GCD25" s="6"/>
      <c r="GCE25" s="6"/>
      <c r="GCF25" s="6"/>
      <c r="GCG25" s="6"/>
      <c r="GCH25" s="6"/>
      <c r="GCI25" s="6"/>
      <c r="GCJ25" s="6"/>
      <c r="GCK25" s="6"/>
      <c r="GCL25" s="6"/>
      <c r="GCM25" s="6"/>
      <c r="GCN25" s="6"/>
      <c r="GCO25" s="6"/>
      <c r="GCP25" s="6"/>
      <c r="GCQ25" s="6"/>
      <c r="GCR25" s="6"/>
      <c r="GCS25" s="6"/>
      <c r="GCT25" s="6"/>
      <c r="GCU25" s="6"/>
      <c r="GCV25" s="6"/>
      <c r="GCW25" s="6"/>
      <c r="GCX25" s="6"/>
      <c r="GCY25" s="6"/>
      <c r="GCZ25" s="6"/>
      <c r="GDA25" s="6"/>
      <c r="GDB25" s="6"/>
      <c r="GDC25" s="6"/>
      <c r="GDD25" s="6"/>
      <c r="GDE25" s="6"/>
      <c r="GDF25" s="6"/>
      <c r="GDG25" s="6"/>
      <c r="GDH25" s="6"/>
      <c r="GDI25" s="6"/>
      <c r="GDJ25" s="6"/>
      <c r="GDK25" s="6"/>
      <c r="GDL25" s="6"/>
      <c r="GDM25" s="6"/>
      <c r="GDN25" s="6"/>
      <c r="GDO25" s="6"/>
      <c r="GDP25" s="6"/>
      <c r="GDQ25" s="6"/>
      <c r="GDR25" s="6"/>
      <c r="GDS25" s="6"/>
      <c r="GDT25" s="6"/>
      <c r="GDU25" s="6"/>
      <c r="GDV25" s="6"/>
      <c r="GDW25" s="6"/>
      <c r="GDX25" s="6"/>
      <c r="GDY25" s="6"/>
      <c r="GDZ25" s="6"/>
      <c r="GEA25" s="6"/>
      <c r="GEB25" s="6"/>
      <c r="GEC25" s="6"/>
      <c r="GED25" s="6"/>
      <c r="GEE25" s="6"/>
      <c r="GEF25" s="6"/>
      <c r="GEG25" s="6"/>
      <c r="GEH25" s="6"/>
      <c r="GEI25" s="6"/>
      <c r="GEJ25" s="6"/>
      <c r="GEK25" s="6"/>
      <c r="GEL25" s="6"/>
      <c r="GEM25" s="6"/>
      <c r="GEN25" s="6"/>
      <c r="GEO25" s="6"/>
      <c r="GEP25" s="6"/>
      <c r="GEQ25" s="6"/>
      <c r="GER25" s="6"/>
      <c r="GES25" s="6"/>
      <c r="GET25" s="6"/>
      <c r="GEU25" s="6"/>
      <c r="GEV25" s="6"/>
      <c r="GEW25" s="6"/>
      <c r="GEX25" s="6"/>
      <c r="GEY25" s="6"/>
      <c r="GEZ25" s="6"/>
      <c r="GFA25" s="6"/>
      <c r="GFB25" s="6"/>
      <c r="GFC25" s="6"/>
      <c r="GFD25" s="6"/>
      <c r="GFE25" s="6"/>
      <c r="GFF25" s="6"/>
      <c r="GFG25" s="6"/>
      <c r="GFH25" s="6"/>
      <c r="GFI25" s="6"/>
      <c r="GFJ25" s="6"/>
      <c r="GFK25" s="6"/>
      <c r="GFL25" s="6"/>
      <c r="GFM25" s="6"/>
      <c r="GFN25" s="6"/>
      <c r="GFO25" s="6"/>
      <c r="GFP25" s="6"/>
      <c r="GFQ25" s="6"/>
      <c r="GFR25" s="6"/>
      <c r="GFS25" s="6"/>
      <c r="GFT25" s="6"/>
      <c r="GFU25" s="6"/>
      <c r="GFV25" s="6"/>
      <c r="GFW25" s="6"/>
      <c r="GFX25" s="6"/>
      <c r="GFY25" s="6"/>
      <c r="GFZ25" s="6"/>
      <c r="GGA25" s="6"/>
      <c r="GGB25" s="6"/>
      <c r="GGC25" s="6"/>
      <c r="GGD25" s="6"/>
      <c r="GGE25" s="6"/>
      <c r="GGF25" s="6"/>
      <c r="GGG25" s="6"/>
      <c r="GGH25" s="6"/>
      <c r="GGI25" s="6"/>
      <c r="GGJ25" s="6"/>
      <c r="GGK25" s="6"/>
      <c r="GGL25" s="6"/>
      <c r="GGM25" s="6"/>
      <c r="GGN25" s="6"/>
      <c r="GGO25" s="6"/>
      <c r="GGP25" s="6"/>
      <c r="GGQ25" s="6"/>
      <c r="GGR25" s="6"/>
      <c r="GGS25" s="6"/>
      <c r="GGT25" s="6"/>
      <c r="GGU25" s="6"/>
      <c r="GGV25" s="6"/>
      <c r="GGW25" s="6"/>
      <c r="GGX25" s="6"/>
      <c r="GGY25" s="6"/>
      <c r="GGZ25" s="6"/>
      <c r="GHA25" s="6"/>
      <c r="GHB25" s="6"/>
      <c r="GHC25" s="6"/>
      <c r="GHD25" s="6"/>
      <c r="GHE25" s="6"/>
      <c r="GHF25" s="6"/>
      <c r="GHG25" s="6"/>
      <c r="GHH25" s="6"/>
      <c r="GHI25" s="6"/>
      <c r="GHJ25" s="6"/>
      <c r="GHK25" s="6"/>
      <c r="GHL25" s="6"/>
      <c r="GHM25" s="6"/>
      <c r="GHN25" s="6"/>
      <c r="GHO25" s="6"/>
      <c r="GHP25" s="6"/>
      <c r="GHQ25" s="6"/>
      <c r="GHR25" s="6"/>
      <c r="GHS25" s="6"/>
      <c r="GHT25" s="6"/>
      <c r="GHU25" s="6"/>
      <c r="GHV25" s="6"/>
      <c r="GHW25" s="6"/>
      <c r="GHX25" s="6"/>
      <c r="GHY25" s="6"/>
      <c r="GHZ25" s="6"/>
      <c r="GIA25" s="6"/>
      <c r="GIB25" s="6"/>
      <c r="GIC25" s="6"/>
      <c r="GID25" s="6"/>
      <c r="GIE25" s="6"/>
      <c r="GIF25" s="6"/>
      <c r="GIG25" s="6"/>
      <c r="GIH25" s="6"/>
      <c r="GII25" s="6"/>
      <c r="GIJ25" s="6"/>
      <c r="GIK25" s="6"/>
      <c r="GIL25" s="6"/>
      <c r="GIM25" s="6"/>
      <c r="GIN25" s="6"/>
      <c r="GIO25" s="6"/>
      <c r="GIP25" s="6"/>
      <c r="GIQ25" s="6"/>
      <c r="GIR25" s="6"/>
      <c r="GIS25" s="6"/>
      <c r="GIT25" s="6"/>
      <c r="GIU25" s="6"/>
      <c r="GIV25" s="6"/>
      <c r="GIW25" s="6"/>
      <c r="GIX25" s="6"/>
      <c r="GIY25" s="6"/>
      <c r="GIZ25" s="6"/>
      <c r="GJA25" s="6"/>
      <c r="GJB25" s="6"/>
      <c r="GJC25" s="6"/>
      <c r="GJD25" s="6"/>
      <c r="GJE25" s="6"/>
      <c r="GJF25" s="6"/>
      <c r="GJG25" s="6"/>
      <c r="GJH25" s="6"/>
      <c r="GJI25" s="6"/>
      <c r="GJJ25" s="6"/>
      <c r="GJK25" s="6"/>
      <c r="GJL25" s="6"/>
      <c r="GJM25" s="6"/>
      <c r="GJN25" s="6"/>
      <c r="GJO25" s="6"/>
      <c r="GJP25" s="6"/>
      <c r="GJQ25" s="6"/>
      <c r="GJR25" s="6"/>
      <c r="GJS25" s="6"/>
      <c r="GJT25" s="6"/>
      <c r="GJU25" s="6"/>
      <c r="GJV25" s="6"/>
      <c r="GJW25" s="6"/>
      <c r="GJX25" s="6"/>
      <c r="GJY25" s="6"/>
      <c r="GJZ25" s="6"/>
      <c r="GKA25" s="6"/>
      <c r="GKB25" s="6"/>
      <c r="GKC25" s="6"/>
      <c r="GKD25" s="6"/>
      <c r="GKE25" s="6"/>
      <c r="GKF25" s="6"/>
      <c r="GKG25" s="6"/>
      <c r="GKH25" s="6"/>
      <c r="GKI25" s="6"/>
      <c r="GKJ25" s="6"/>
      <c r="GKK25" s="6"/>
      <c r="GKL25" s="6"/>
      <c r="GKM25" s="6"/>
      <c r="GKN25" s="6"/>
      <c r="GKO25" s="6"/>
      <c r="GKP25" s="6"/>
      <c r="GKQ25" s="6"/>
      <c r="GKR25" s="6"/>
      <c r="GKS25" s="6"/>
      <c r="GKT25" s="6"/>
      <c r="GKU25" s="6"/>
      <c r="GKV25" s="6"/>
      <c r="GKW25" s="6"/>
      <c r="GKX25" s="6"/>
      <c r="GKY25" s="6"/>
      <c r="GKZ25" s="6"/>
      <c r="GLA25" s="6"/>
      <c r="GLB25" s="6"/>
      <c r="GLC25" s="6"/>
      <c r="GLD25" s="6"/>
      <c r="GLE25" s="6"/>
      <c r="GLF25" s="6"/>
      <c r="GLG25" s="6"/>
      <c r="GLH25" s="6"/>
      <c r="GLI25" s="6"/>
      <c r="GLJ25" s="6"/>
      <c r="GLK25" s="6"/>
      <c r="GLL25" s="6"/>
      <c r="GLM25" s="6"/>
      <c r="GLN25" s="6"/>
      <c r="GLO25" s="6"/>
      <c r="GLP25" s="6"/>
      <c r="GLQ25" s="6"/>
      <c r="GLR25" s="6"/>
      <c r="GLS25" s="6"/>
      <c r="GLT25" s="6"/>
      <c r="GLU25" s="6"/>
      <c r="GLV25" s="6"/>
      <c r="GLW25" s="6"/>
      <c r="GLX25" s="6"/>
      <c r="GLY25" s="6"/>
      <c r="GLZ25" s="6"/>
      <c r="GMA25" s="6"/>
      <c r="GMB25" s="6"/>
      <c r="GMC25" s="6"/>
      <c r="GMD25" s="6"/>
      <c r="GME25" s="6"/>
      <c r="GMF25" s="6"/>
      <c r="GMG25" s="6"/>
      <c r="GMH25" s="6"/>
      <c r="GMI25" s="6"/>
      <c r="GMJ25" s="6"/>
      <c r="GMK25" s="6"/>
      <c r="GML25" s="6"/>
      <c r="GMM25" s="6"/>
      <c r="GMN25" s="6"/>
      <c r="GMO25" s="6"/>
      <c r="GMP25" s="6"/>
      <c r="GMQ25" s="6"/>
      <c r="GMR25" s="6"/>
      <c r="GMS25" s="6"/>
      <c r="GMT25" s="6"/>
      <c r="GMU25" s="6"/>
      <c r="GMV25" s="6"/>
      <c r="GMW25" s="6"/>
      <c r="GMX25" s="6"/>
      <c r="GMY25" s="6"/>
      <c r="GMZ25" s="6"/>
      <c r="GNA25" s="6"/>
      <c r="GNB25" s="6"/>
      <c r="GNC25" s="6"/>
      <c r="GND25" s="6"/>
      <c r="GNE25" s="6"/>
      <c r="GNF25" s="6"/>
      <c r="GNG25" s="6"/>
      <c r="GNH25" s="6"/>
      <c r="GNI25" s="6"/>
      <c r="GNJ25" s="6"/>
      <c r="GNK25" s="6"/>
      <c r="GNL25" s="6"/>
      <c r="GNM25" s="6"/>
      <c r="GNN25" s="6"/>
      <c r="GNO25" s="6"/>
      <c r="GNP25" s="6"/>
      <c r="GNQ25" s="6"/>
      <c r="GNR25" s="6"/>
      <c r="GNS25" s="6"/>
      <c r="GNT25" s="6"/>
      <c r="GNU25" s="6"/>
      <c r="GNV25" s="6"/>
      <c r="GNW25" s="6"/>
      <c r="GNX25" s="6"/>
      <c r="GNY25" s="6"/>
      <c r="GNZ25" s="6"/>
      <c r="GOA25" s="6"/>
      <c r="GOB25" s="6"/>
      <c r="GOC25" s="6"/>
      <c r="GOD25" s="6"/>
      <c r="GOE25" s="6"/>
      <c r="GOF25" s="6"/>
      <c r="GOG25" s="6"/>
      <c r="GOH25" s="6"/>
      <c r="GOI25" s="6"/>
      <c r="GOJ25" s="6"/>
      <c r="GOK25" s="6"/>
      <c r="GOL25" s="6"/>
      <c r="GOM25" s="6"/>
      <c r="GON25" s="6"/>
      <c r="GOO25" s="6"/>
      <c r="GOP25" s="6"/>
      <c r="GOQ25" s="6"/>
      <c r="GOR25" s="6"/>
      <c r="GOS25" s="6"/>
      <c r="GOT25" s="6"/>
      <c r="GOU25" s="6"/>
      <c r="GOV25" s="6"/>
      <c r="GOW25" s="6"/>
      <c r="GOX25" s="6"/>
      <c r="GOY25" s="6"/>
      <c r="GOZ25" s="6"/>
      <c r="GPA25" s="6"/>
      <c r="GPB25" s="6"/>
      <c r="GPC25" s="6"/>
      <c r="GPD25" s="6"/>
      <c r="GPE25" s="6"/>
      <c r="GPF25" s="6"/>
      <c r="GPG25" s="6"/>
      <c r="GPH25" s="6"/>
      <c r="GPI25" s="6"/>
      <c r="GPJ25" s="6"/>
      <c r="GPK25" s="6"/>
      <c r="GPL25" s="6"/>
      <c r="GPM25" s="6"/>
      <c r="GPN25" s="6"/>
      <c r="GPO25" s="6"/>
      <c r="GPP25" s="6"/>
      <c r="GPQ25" s="6"/>
      <c r="GPR25" s="6"/>
      <c r="GPS25" s="6"/>
      <c r="GPT25" s="6"/>
      <c r="GPU25" s="6"/>
      <c r="GPV25" s="6"/>
      <c r="GPW25" s="6"/>
      <c r="GPX25" s="6"/>
      <c r="GPY25" s="6"/>
      <c r="GPZ25" s="6"/>
      <c r="GQA25" s="6"/>
      <c r="GQB25" s="6"/>
      <c r="GQC25" s="6"/>
      <c r="GQD25" s="6"/>
      <c r="GQE25" s="6"/>
      <c r="GQF25" s="6"/>
      <c r="GQG25" s="6"/>
      <c r="GQH25" s="6"/>
      <c r="GQI25" s="6"/>
      <c r="GQJ25" s="6"/>
      <c r="GQK25" s="6"/>
      <c r="GQL25" s="6"/>
      <c r="GQM25" s="6"/>
      <c r="GQN25" s="6"/>
      <c r="GQO25" s="6"/>
      <c r="GQP25" s="6"/>
      <c r="GQQ25" s="6"/>
      <c r="GQR25" s="6"/>
      <c r="GQS25" s="6"/>
      <c r="GQT25" s="6"/>
      <c r="GQU25" s="6"/>
      <c r="GQV25" s="6"/>
      <c r="GQW25" s="6"/>
      <c r="GQX25" s="6"/>
      <c r="GQY25" s="6"/>
      <c r="GQZ25" s="6"/>
      <c r="GRA25" s="6"/>
      <c r="GRB25" s="6"/>
      <c r="GRC25" s="6"/>
      <c r="GRD25" s="6"/>
      <c r="GRE25" s="6"/>
      <c r="GRF25" s="6"/>
      <c r="GRG25" s="6"/>
      <c r="GRH25" s="6"/>
      <c r="GRI25" s="6"/>
      <c r="GRJ25" s="6"/>
      <c r="GRK25" s="6"/>
      <c r="GRL25" s="6"/>
      <c r="GRM25" s="6"/>
      <c r="GRN25" s="6"/>
      <c r="GRO25" s="6"/>
      <c r="GRP25" s="6"/>
      <c r="GRQ25" s="6"/>
      <c r="GRR25" s="6"/>
      <c r="GRS25" s="6"/>
      <c r="GRT25" s="6"/>
      <c r="GRU25" s="6"/>
      <c r="GRV25" s="6"/>
      <c r="GRW25" s="6"/>
      <c r="GRX25" s="6"/>
      <c r="GRY25" s="6"/>
      <c r="GRZ25" s="6"/>
      <c r="GSA25" s="6"/>
      <c r="GSB25" s="6"/>
      <c r="GSC25" s="6"/>
      <c r="GSD25" s="6"/>
      <c r="GSE25" s="6"/>
      <c r="GSF25" s="6"/>
      <c r="GSG25" s="6"/>
      <c r="GSH25" s="6"/>
      <c r="GSI25" s="6"/>
      <c r="GSJ25" s="6"/>
      <c r="GSK25" s="6"/>
      <c r="GSL25" s="6"/>
      <c r="GSM25" s="6"/>
      <c r="GSN25" s="6"/>
      <c r="GSO25" s="6"/>
      <c r="GSP25" s="6"/>
      <c r="GSQ25" s="6"/>
      <c r="GSR25" s="6"/>
      <c r="GSS25" s="6"/>
      <c r="GST25" s="6"/>
      <c r="GSU25" s="6"/>
      <c r="GSV25" s="6"/>
      <c r="GSW25" s="6"/>
      <c r="GSX25" s="6"/>
      <c r="GSY25" s="6"/>
      <c r="GSZ25" s="6"/>
      <c r="GTA25" s="6"/>
      <c r="GTB25" s="6"/>
      <c r="GTC25" s="6"/>
      <c r="GTD25" s="6"/>
      <c r="GTE25" s="6"/>
      <c r="GTF25" s="6"/>
      <c r="GTG25" s="6"/>
      <c r="GTH25" s="6"/>
      <c r="GTI25" s="6"/>
      <c r="GTJ25" s="6"/>
      <c r="GTK25" s="6"/>
      <c r="GTL25" s="6"/>
      <c r="GTM25" s="6"/>
      <c r="GTN25" s="6"/>
      <c r="GTO25" s="6"/>
      <c r="GTP25" s="6"/>
      <c r="GTQ25" s="6"/>
      <c r="GTR25" s="6"/>
      <c r="GTS25" s="6"/>
      <c r="GTT25" s="6"/>
      <c r="GTU25" s="6"/>
      <c r="GTV25" s="6"/>
      <c r="GTW25" s="6"/>
      <c r="GTX25" s="6"/>
      <c r="GTY25" s="6"/>
      <c r="GTZ25" s="6"/>
      <c r="GUA25" s="6"/>
      <c r="GUB25" s="6"/>
      <c r="GUC25" s="6"/>
      <c r="GUD25" s="6"/>
      <c r="GUE25" s="6"/>
      <c r="GUF25" s="6"/>
      <c r="GUG25" s="6"/>
      <c r="GUH25" s="6"/>
      <c r="GUI25" s="6"/>
      <c r="GUJ25" s="6"/>
      <c r="GUK25" s="6"/>
      <c r="GUL25" s="6"/>
      <c r="GUM25" s="6"/>
      <c r="GUN25" s="6"/>
      <c r="GUO25" s="6"/>
      <c r="GUP25" s="6"/>
      <c r="GUQ25" s="6"/>
      <c r="GUR25" s="6"/>
      <c r="GUS25" s="6"/>
      <c r="GUT25" s="6"/>
      <c r="GUU25" s="6"/>
      <c r="GUV25" s="6"/>
      <c r="GUW25" s="6"/>
      <c r="GUX25" s="6"/>
      <c r="GUY25" s="6"/>
      <c r="GUZ25" s="6"/>
      <c r="GVA25" s="6"/>
      <c r="GVB25" s="6"/>
      <c r="GVC25" s="6"/>
      <c r="GVD25" s="6"/>
      <c r="GVE25" s="6"/>
      <c r="GVF25" s="6"/>
      <c r="GVG25" s="6"/>
      <c r="GVH25" s="6"/>
      <c r="GVI25" s="6"/>
      <c r="GVJ25" s="6"/>
      <c r="GVK25" s="6"/>
      <c r="GVL25" s="6"/>
      <c r="GVM25" s="6"/>
      <c r="GVN25" s="6"/>
      <c r="GVO25" s="6"/>
      <c r="GVP25" s="6"/>
      <c r="GVQ25" s="6"/>
      <c r="GVR25" s="6"/>
      <c r="GVS25" s="6"/>
      <c r="GVT25" s="6"/>
      <c r="GVU25" s="6"/>
      <c r="GVV25" s="6"/>
      <c r="GVW25" s="6"/>
      <c r="GVX25" s="6"/>
      <c r="GVY25" s="6"/>
      <c r="GVZ25" s="6"/>
      <c r="GWA25" s="6"/>
      <c r="GWB25" s="6"/>
      <c r="GWC25" s="6"/>
      <c r="GWD25" s="6"/>
      <c r="GWE25" s="6"/>
      <c r="GWF25" s="6"/>
      <c r="GWG25" s="6"/>
      <c r="GWH25" s="6"/>
      <c r="GWI25" s="6"/>
      <c r="GWJ25" s="6"/>
      <c r="GWK25" s="6"/>
      <c r="GWL25" s="6"/>
      <c r="GWM25" s="6"/>
      <c r="GWN25" s="6"/>
      <c r="GWO25" s="6"/>
      <c r="GWP25" s="6"/>
      <c r="GWQ25" s="6"/>
      <c r="GWR25" s="6"/>
      <c r="GWS25" s="6"/>
      <c r="GWT25" s="6"/>
      <c r="GWU25" s="6"/>
      <c r="GWV25" s="6"/>
      <c r="GWW25" s="6"/>
      <c r="GWX25" s="6"/>
      <c r="GWY25" s="6"/>
      <c r="GWZ25" s="6"/>
      <c r="GXA25" s="6"/>
      <c r="GXB25" s="6"/>
      <c r="GXC25" s="6"/>
      <c r="GXD25" s="6"/>
      <c r="GXE25" s="6"/>
      <c r="GXF25" s="6"/>
      <c r="GXG25" s="6"/>
      <c r="GXH25" s="6"/>
      <c r="GXI25" s="6"/>
      <c r="GXJ25" s="6"/>
      <c r="GXK25" s="6"/>
      <c r="GXL25" s="6"/>
      <c r="GXM25" s="6"/>
      <c r="GXN25" s="6"/>
      <c r="GXO25" s="6"/>
      <c r="GXP25" s="6"/>
      <c r="GXQ25" s="6"/>
      <c r="GXR25" s="6"/>
      <c r="GXS25" s="6"/>
      <c r="GXT25" s="6"/>
      <c r="GXU25" s="6"/>
      <c r="GXV25" s="6"/>
      <c r="GXW25" s="6"/>
      <c r="GXX25" s="6"/>
      <c r="GXY25" s="6"/>
      <c r="GXZ25" s="6"/>
      <c r="GYA25" s="6"/>
      <c r="GYB25" s="6"/>
      <c r="GYC25" s="6"/>
      <c r="GYD25" s="6"/>
      <c r="GYE25" s="6"/>
      <c r="GYF25" s="6"/>
      <c r="GYG25" s="6"/>
      <c r="GYH25" s="6"/>
      <c r="GYI25" s="6"/>
      <c r="GYJ25" s="6"/>
      <c r="GYK25" s="6"/>
      <c r="GYL25" s="6"/>
      <c r="GYM25" s="6"/>
      <c r="GYN25" s="6"/>
      <c r="GYO25" s="6"/>
      <c r="GYP25" s="6"/>
      <c r="GYQ25" s="6"/>
      <c r="GYR25" s="6"/>
      <c r="GYS25" s="6"/>
      <c r="GYT25" s="6"/>
      <c r="GYU25" s="6"/>
      <c r="GYV25" s="6"/>
      <c r="GYW25" s="6"/>
      <c r="GYX25" s="6"/>
      <c r="GYY25" s="6"/>
      <c r="GYZ25" s="6"/>
      <c r="GZA25" s="6"/>
      <c r="GZB25" s="6"/>
      <c r="GZC25" s="6"/>
      <c r="GZD25" s="6"/>
      <c r="GZE25" s="6"/>
      <c r="GZF25" s="6"/>
      <c r="GZG25" s="6"/>
      <c r="GZH25" s="6"/>
      <c r="GZI25" s="6"/>
      <c r="GZJ25" s="6"/>
      <c r="GZK25" s="6"/>
      <c r="GZL25" s="6"/>
      <c r="GZM25" s="6"/>
      <c r="GZN25" s="6"/>
      <c r="GZO25" s="6"/>
      <c r="GZP25" s="6"/>
      <c r="GZQ25" s="6"/>
      <c r="GZR25" s="6"/>
      <c r="GZS25" s="6"/>
      <c r="GZT25" s="6"/>
      <c r="GZU25" s="6"/>
      <c r="GZV25" s="6"/>
      <c r="GZW25" s="6"/>
      <c r="GZX25" s="6"/>
      <c r="GZY25" s="6"/>
      <c r="GZZ25" s="6"/>
      <c r="HAA25" s="6"/>
      <c r="HAB25" s="6"/>
      <c r="HAC25" s="6"/>
      <c r="HAD25" s="6"/>
      <c r="HAE25" s="6"/>
      <c r="HAF25" s="6"/>
      <c r="HAG25" s="6"/>
      <c r="HAH25" s="6"/>
      <c r="HAI25" s="6"/>
      <c r="HAJ25" s="6"/>
      <c r="HAK25" s="6"/>
      <c r="HAL25" s="6"/>
      <c r="HAM25" s="6"/>
      <c r="HAN25" s="6"/>
      <c r="HAO25" s="6"/>
      <c r="HAP25" s="6"/>
      <c r="HAQ25" s="6"/>
      <c r="HAR25" s="6"/>
      <c r="HAS25" s="6"/>
      <c r="HAT25" s="6"/>
      <c r="HAU25" s="6"/>
      <c r="HAV25" s="6"/>
      <c r="HAW25" s="6"/>
      <c r="HAX25" s="6"/>
      <c r="HAY25" s="6"/>
      <c r="HAZ25" s="6"/>
      <c r="HBA25" s="6"/>
      <c r="HBB25" s="6"/>
      <c r="HBC25" s="6"/>
      <c r="HBD25" s="6"/>
      <c r="HBE25" s="6"/>
      <c r="HBF25" s="6"/>
      <c r="HBG25" s="6"/>
      <c r="HBH25" s="6"/>
      <c r="HBI25" s="6"/>
      <c r="HBJ25" s="6"/>
      <c r="HBK25" s="6"/>
      <c r="HBL25" s="6"/>
      <c r="HBM25" s="6"/>
      <c r="HBN25" s="6"/>
      <c r="HBO25" s="6"/>
      <c r="HBP25" s="6"/>
      <c r="HBQ25" s="6"/>
      <c r="HBR25" s="6"/>
      <c r="HBS25" s="6"/>
      <c r="HBT25" s="6"/>
      <c r="HBU25" s="6"/>
      <c r="HBV25" s="6"/>
      <c r="HBW25" s="6"/>
      <c r="HBX25" s="6"/>
      <c r="HBY25" s="6"/>
      <c r="HBZ25" s="6"/>
      <c r="HCA25" s="6"/>
      <c r="HCB25" s="6"/>
      <c r="HCC25" s="6"/>
      <c r="HCD25" s="6"/>
      <c r="HCE25" s="6"/>
      <c r="HCF25" s="6"/>
      <c r="HCG25" s="6"/>
      <c r="HCH25" s="6"/>
      <c r="HCI25" s="6"/>
      <c r="HCJ25" s="6"/>
      <c r="HCK25" s="6"/>
      <c r="HCL25" s="6"/>
      <c r="HCM25" s="6"/>
      <c r="HCN25" s="6"/>
      <c r="HCO25" s="6"/>
      <c r="HCP25" s="6"/>
      <c r="HCQ25" s="6"/>
      <c r="HCR25" s="6"/>
      <c r="HCS25" s="6"/>
      <c r="HCT25" s="6"/>
      <c r="HCU25" s="6"/>
      <c r="HCV25" s="6"/>
      <c r="HCW25" s="6"/>
      <c r="HCX25" s="6"/>
      <c r="HCY25" s="6"/>
      <c r="HCZ25" s="6"/>
      <c r="HDA25" s="6"/>
      <c r="HDB25" s="6"/>
      <c r="HDC25" s="6"/>
      <c r="HDD25" s="6"/>
      <c r="HDE25" s="6"/>
      <c r="HDF25" s="6"/>
      <c r="HDG25" s="6"/>
      <c r="HDH25" s="6"/>
      <c r="HDI25" s="6"/>
      <c r="HDJ25" s="6"/>
      <c r="HDK25" s="6"/>
      <c r="HDL25" s="6"/>
      <c r="HDM25" s="6"/>
      <c r="HDN25" s="6"/>
      <c r="HDO25" s="6"/>
      <c r="HDP25" s="6"/>
      <c r="HDQ25" s="6"/>
      <c r="HDR25" s="6"/>
      <c r="HDS25" s="6"/>
      <c r="HDT25" s="6"/>
      <c r="HDU25" s="6"/>
      <c r="HDV25" s="6"/>
      <c r="HDW25" s="6"/>
      <c r="HDX25" s="6"/>
      <c r="HDY25" s="6"/>
      <c r="HDZ25" s="6"/>
      <c r="HEA25" s="6"/>
      <c r="HEB25" s="6"/>
      <c r="HEC25" s="6"/>
      <c r="HED25" s="6"/>
      <c r="HEE25" s="6"/>
      <c r="HEF25" s="6"/>
      <c r="HEG25" s="6"/>
      <c r="HEH25" s="6"/>
      <c r="HEI25" s="6"/>
      <c r="HEJ25" s="6"/>
      <c r="HEK25" s="6"/>
      <c r="HEL25" s="6"/>
      <c r="HEM25" s="6"/>
      <c r="HEN25" s="6"/>
      <c r="HEO25" s="6"/>
      <c r="HEP25" s="6"/>
      <c r="HEQ25" s="6"/>
      <c r="HER25" s="6"/>
      <c r="HES25" s="6"/>
      <c r="HET25" s="6"/>
      <c r="HEU25" s="6"/>
      <c r="HEV25" s="6"/>
      <c r="HEW25" s="6"/>
      <c r="HEX25" s="6"/>
      <c r="HEY25" s="6"/>
      <c r="HEZ25" s="6"/>
      <c r="HFA25" s="6"/>
      <c r="HFB25" s="6"/>
      <c r="HFC25" s="6"/>
      <c r="HFD25" s="6"/>
      <c r="HFE25" s="6"/>
      <c r="HFF25" s="6"/>
      <c r="HFG25" s="6"/>
      <c r="HFH25" s="6"/>
      <c r="HFI25" s="6"/>
      <c r="HFJ25" s="6"/>
      <c r="HFK25" s="6"/>
      <c r="HFL25" s="6"/>
      <c r="HFM25" s="6"/>
      <c r="HFN25" s="6"/>
      <c r="HFO25" s="6"/>
      <c r="HFP25" s="6"/>
      <c r="HFQ25" s="6"/>
      <c r="HFR25" s="6"/>
      <c r="HFS25" s="6"/>
      <c r="HFT25" s="6"/>
      <c r="HFU25" s="6"/>
      <c r="HFV25" s="6"/>
      <c r="HFW25" s="6"/>
      <c r="HFX25" s="6"/>
      <c r="HFY25" s="6"/>
      <c r="HFZ25" s="6"/>
      <c r="HGA25" s="6"/>
      <c r="HGB25" s="6"/>
      <c r="HGC25" s="6"/>
      <c r="HGD25" s="6"/>
      <c r="HGE25" s="6"/>
      <c r="HGF25" s="6"/>
      <c r="HGG25" s="6"/>
      <c r="HGH25" s="6"/>
      <c r="HGI25" s="6"/>
      <c r="HGJ25" s="6"/>
      <c r="HGK25" s="6"/>
      <c r="HGL25" s="6"/>
      <c r="HGM25" s="6"/>
      <c r="HGN25" s="6"/>
      <c r="HGO25" s="6"/>
      <c r="HGP25" s="6"/>
      <c r="HGQ25" s="6"/>
      <c r="HGR25" s="6"/>
      <c r="HGS25" s="6"/>
      <c r="HGT25" s="6"/>
      <c r="HGU25" s="6"/>
      <c r="HGV25" s="6"/>
      <c r="HGW25" s="6"/>
      <c r="HGX25" s="6"/>
      <c r="HGY25" s="6"/>
      <c r="HGZ25" s="6"/>
      <c r="HHA25" s="6"/>
      <c r="HHB25" s="6"/>
      <c r="HHC25" s="6"/>
      <c r="HHD25" s="6"/>
      <c r="HHE25" s="6"/>
      <c r="HHF25" s="6"/>
      <c r="HHG25" s="6"/>
      <c r="HHH25" s="6"/>
      <c r="HHI25" s="6"/>
      <c r="HHJ25" s="6"/>
      <c r="HHK25" s="6"/>
      <c r="HHL25" s="6"/>
      <c r="HHM25" s="6"/>
      <c r="HHN25" s="6"/>
      <c r="HHO25" s="6"/>
      <c r="HHP25" s="6"/>
      <c r="HHQ25" s="6"/>
      <c r="HHR25" s="6"/>
      <c r="HHS25" s="6"/>
      <c r="HHT25" s="6"/>
      <c r="HHU25" s="6"/>
      <c r="HHV25" s="6"/>
      <c r="HHW25" s="6"/>
      <c r="HHX25" s="6"/>
      <c r="HHY25" s="6"/>
      <c r="HHZ25" s="6"/>
      <c r="HIA25" s="6"/>
      <c r="HIB25" s="6"/>
      <c r="HIC25" s="6"/>
      <c r="HID25" s="6"/>
      <c r="HIE25" s="6"/>
      <c r="HIF25" s="6"/>
      <c r="HIG25" s="6"/>
      <c r="HIH25" s="6"/>
      <c r="HII25" s="6"/>
      <c r="HIJ25" s="6"/>
      <c r="HIK25" s="6"/>
      <c r="HIL25" s="6"/>
      <c r="HIM25" s="6"/>
      <c r="HIN25" s="6"/>
      <c r="HIO25" s="6"/>
      <c r="HIP25" s="6"/>
      <c r="HIQ25" s="6"/>
      <c r="HIR25" s="6"/>
      <c r="HIS25" s="6"/>
      <c r="HIT25" s="6"/>
      <c r="HIU25" s="6"/>
      <c r="HIV25" s="6"/>
      <c r="HIW25" s="6"/>
      <c r="HIX25" s="6"/>
      <c r="HIY25" s="6"/>
      <c r="HIZ25" s="6"/>
      <c r="HJA25" s="6"/>
      <c r="HJB25" s="6"/>
      <c r="HJC25" s="6"/>
      <c r="HJD25" s="6"/>
      <c r="HJE25" s="6"/>
      <c r="HJF25" s="6"/>
      <c r="HJG25" s="6"/>
      <c r="HJH25" s="6"/>
      <c r="HJI25" s="6"/>
      <c r="HJJ25" s="6"/>
      <c r="HJK25" s="6"/>
      <c r="HJL25" s="6"/>
      <c r="HJM25" s="6"/>
      <c r="HJN25" s="6"/>
      <c r="HJO25" s="6"/>
      <c r="HJP25" s="6"/>
      <c r="HJQ25" s="6"/>
      <c r="HJR25" s="6"/>
      <c r="HJS25" s="6"/>
      <c r="HJT25" s="6"/>
      <c r="HJU25" s="6"/>
      <c r="HJV25" s="6"/>
      <c r="HJW25" s="6"/>
      <c r="HJX25" s="6"/>
      <c r="HJY25" s="6"/>
      <c r="HJZ25" s="6"/>
      <c r="HKA25" s="6"/>
      <c r="HKB25" s="6"/>
      <c r="HKC25" s="6"/>
      <c r="HKD25" s="6"/>
      <c r="HKE25" s="6"/>
      <c r="HKF25" s="6"/>
      <c r="HKG25" s="6"/>
      <c r="HKH25" s="6"/>
      <c r="HKI25" s="6"/>
      <c r="HKJ25" s="6"/>
      <c r="HKK25" s="6"/>
      <c r="HKL25" s="6"/>
      <c r="HKM25" s="6"/>
      <c r="HKN25" s="6"/>
      <c r="HKO25" s="6"/>
      <c r="HKP25" s="6"/>
      <c r="HKQ25" s="6"/>
      <c r="HKR25" s="6"/>
      <c r="HKS25" s="6"/>
      <c r="HKT25" s="6"/>
      <c r="HKU25" s="6"/>
      <c r="HKV25" s="6"/>
      <c r="HKW25" s="6"/>
      <c r="HKX25" s="6"/>
      <c r="HKY25" s="6"/>
      <c r="HKZ25" s="6"/>
      <c r="HLA25" s="6"/>
      <c r="HLB25" s="6"/>
      <c r="HLC25" s="6"/>
      <c r="HLD25" s="6"/>
      <c r="HLE25" s="6"/>
      <c r="HLF25" s="6"/>
      <c r="HLG25" s="6"/>
      <c r="HLH25" s="6"/>
      <c r="HLI25" s="6"/>
      <c r="HLJ25" s="6"/>
      <c r="HLK25" s="6"/>
      <c r="HLL25" s="6"/>
      <c r="HLM25" s="6"/>
      <c r="HLN25" s="6"/>
      <c r="HLO25" s="6"/>
      <c r="HLP25" s="6"/>
      <c r="HLQ25" s="6"/>
      <c r="HLR25" s="6"/>
      <c r="HLS25" s="6"/>
      <c r="HLT25" s="6"/>
      <c r="HLU25" s="6"/>
      <c r="HLV25" s="6"/>
      <c r="HLW25" s="6"/>
      <c r="HLX25" s="6"/>
      <c r="HLY25" s="6"/>
      <c r="HLZ25" s="6"/>
      <c r="HMA25" s="6"/>
      <c r="HMB25" s="6"/>
      <c r="HMC25" s="6"/>
      <c r="HMD25" s="6"/>
      <c r="HME25" s="6"/>
      <c r="HMF25" s="6"/>
      <c r="HMG25" s="6"/>
      <c r="HMH25" s="6"/>
      <c r="HMI25" s="6"/>
      <c r="HMJ25" s="6"/>
      <c r="HMK25" s="6"/>
      <c r="HML25" s="6"/>
      <c r="HMM25" s="6"/>
      <c r="HMN25" s="6"/>
      <c r="HMO25" s="6"/>
      <c r="HMP25" s="6"/>
      <c r="HMQ25" s="6"/>
      <c r="HMR25" s="6"/>
      <c r="HMS25" s="6"/>
      <c r="HMT25" s="6"/>
      <c r="HMU25" s="6"/>
      <c r="HMV25" s="6"/>
      <c r="HMW25" s="6"/>
      <c r="HMX25" s="6"/>
      <c r="HMY25" s="6"/>
      <c r="HMZ25" s="6"/>
      <c r="HNA25" s="6"/>
      <c r="HNB25" s="6"/>
      <c r="HNC25" s="6"/>
      <c r="HND25" s="6"/>
      <c r="HNE25" s="6"/>
      <c r="HNF25" s="6"/>
      <c r="HNG25" s="6"/>
      <c r="HNH25" s="6"/>
      <c r="HNI25" s="6"/>
      <c r="HNJ25" s="6"/>
      <c r="HNK25" s="6"/>
      <c r="HNL25" s="6"/>
      <c r="HNM25" s="6"/>
      <c r="HNN25" s="6"/>
      <c r="HNO25" s="6"/>
      <c r="HNP25" s="6"/>
      <c r="HNQ25" s="6"/>
      <c r="HNR25" s="6"/>
      <c r="HNS25" s="6"/>
      <c r="HNT25" s="6"/>
      <c r="HNU25" s="6"/>
      <c r="HNV25" s="6"/>
      <c r="HNW25" s="6"/>
      <c r="HNX25" s="6"/>
      <c r="HNY25" s="6"/>
      <c r="HNZ25" s="6"/>
      <c r="HOA25" s="6"/>
      <c r="HOB25" s="6"/>
      <c r="HOC25" s="6"/>
      <c r="HOD25" s="6"/>
      <c r="HOE25" s="6"/>
      <c r="HOF25" s="6"/>
      <c r="HOG25" s="6"/>
      <c r="HOH25" s="6"/>
      <c r="HOI25" s="6"/>
      <c r="HOJ25" s="6"/>
      <c r="HOK25" s="6"/>
      <c r="HOL25" s="6"/>
      <c r="HOM25" s="6"/>
      <c r="HON25" s="6"/>
      <c r="HOO25" s="6"/>
      <c r="HOP25" s="6"/>
      <c r="HOQ25" s="6"/>
      <c r="HOR25" s="6"/>
      <c r="HOS25" s="6"/>
      <c r="HOT25" s="6"/>
      <c r="HOU25" s="6"/>
      <c r="HOV25" s="6"/>
      <c r="HOW25" s="6"/>
      <c r="HOX25" s="6"/>
      <c r="HOY25" s="6"/>
      <c r="HOZ25" s="6"/>
      <c r="HPA25" s="6"/>
      <c r="HPB25" s="6"/>
      <c r="HPC25" s="6"/>
      <c r="HPD25" s="6"/>
      <c r="HPE25" s="6"/>
      <c r="HPF25" s="6"/>
      <c r="HPG25" s="6"/>
      <c r="HPH25" s="6"/>
      <c r="HPI25" s="6"/>
      <c r="HPJ25" s="6"/>
      <c r="HPK25" s="6"/>
      <c r="HPL25" s="6"/>
      <c r="HPM25" s="6"/>
      <c r="HPN25" s="6"/>
      <c r="HPO25" s="6"/>
      <c r="HPP25" s="6"/>
      <c r="HPQ25" s="6"/>
      <c r="HPR25" s="6"/>
      <c r="HPS25" s="6"/>
      <c r="HPT25" s="6"/>
      <c r="HPU25" s="6"/>
      <c r="HPV25" s="6"/>
      <c r="HPW25" s="6"/>
      <c r="HPX25" s="6"/>
      <c r="HPY25" s="6"/>
      <c r="HPZ25" s="6"/>
      <c r="HQA25" s="6"/>
      <c r="HQB25" s="6"/>
      <c r="HQC25" s="6"/>
      <c r="HQD25" s="6"/>
      <c r="HQE25" s="6"/>
      <c r="HQF25" s="6"/>
      <c r="HQG25" s="6"/>
      <c r="HQH25" s="6"/>
      <c r="HQI25" s="6"/>
      <c r="HQJ25" s="6"/>
      <c r="HQK25" s="6"/>
      <c r="HQL25" s="6"/>
      <c r="HQM25" s="6"/>
      <c r="HQN25" s="6"/>
      <c r="HQO25" s="6"/>
      <c r="HQP25" s="6"/>
      <c r="HQQ25" s="6"/>
      <c r="HQR25" s="6"/>
      <c r="HQS25" s="6"/>
      <c r="HQT25" s="6"/>
      <c r="HQU25" s="6"/>
      <c r="HQV25" s="6"/>
      <c r="HQW25" s="6"/>
      <c r="HQX25" s="6"/>
      <c r="HQY25" s="6"/>
      <c r="HQZ25" s="6"/>
      <c r="HRA25" s="6"/>
      <c r="HRB25" s="6"/>
      <c r="HRC25" s="6"/>
      <c r="HRD25" s="6"/>
      <c r="HRE25" s="6"/>
      <c r="HRF25" s="6"/>
      <c r="HRG25" s="6"/>
      <c r="HRH25" s="6"/>
      <c r="HRI25" s="6"/>
      <c r="HRJ25" s="6"/>
      <c r="HRK25" s="6"/>
      <c r="HRL25" s="6"/>
      <c r="HRM25" s="6"/>
      <c r="HRN25" s="6"/>
      <c r="HRO25" s="6"/>
      <c r="HRP25" s="6"/>
      <c r="HRQ25" s="6"/>
      <c r="HRR25" s="6"/>
      <c r="HRS25" s="6"/>
      <c r="HRT25" s="6"/>
      <c r="HRU25" s="6"/>
      <c r="HRV25" s="6"/>
      <c r="HRW25" s="6"/>
      <c r="HRX25" s="6"/>
      <c r="HRY25" s="6"/>
      <c r="HRZ25" s="6"/>
      <c r="HSA25" s="6"/>
      <c r="HSB25" s="6"/>
      <c r="HSC25" s="6"/>
      <c r="HSD25" s="6"/>
      <c r="HSE25" s="6"/>
      <c r="HSF25" s="6"/>
      <c r="HSG25" s="6"/>
      <c r="HSH25" s="6"/>
      <c r="HSI25" s="6"/>
      <c r="HSJ25" s="6"/>
      <c r="HSK25" s="6"/>
      <c r="HSL25" s="6"/>
      <c r="HSM25" s="6"/>
      <c r="HSN25" s="6"/>
      <c r="HSO25" s="6"/>
      <c r="HSP25" s="6"/>
      <c r="HSQ25" s="6"/>
      <c r="HSR25" s="6"/>
      <c r="HSS25" s="6"/>
      <c r="HST25" s="6"/>
      <c r="HSU25" s="6"/>
      <c r="HSV25" s="6"/>
      <c r="HSW25" s="6"/>
      <c r="HSX25" s="6"/>
      <c r="HSY25" s="6"/>
      <c r="HSZ25" s="6"/>
      <c r="HTA25" s="6"/>
      <c r="HTB25" s="6"/>
      <c r="HTC25" s="6"/>
      <c r="HTD25" s="6"/>
      <c r="HTE25" s="6"/>
      <c r="HTF25" s="6"/>
      <c r="HTG25" s="6"/>
      <c r="HTH25" s="6"/>
      <c r="HTI25" s="6"/>
      <c r="HTJ25" s="6"/>
      <c r="HTK25" s="6"/>
      <c r="HTL25" s="6"/>
      <c r="HTM25" s="6"/>
      <c r="HTN25" s="6"/>
      <c r="HTO25" s="6"/>
      <c r="HTP25" s="6"/>
      <c r="HTQ25" s="6"/>
      <c r="HTR25" s="6"/>
      <c r="HTS25" s="6"/>
      <c r="HTT25" s="6"/>
      <c r="HTU25" s="6"/>
      <c r="HTV25" s="6"/>
      <c r="HTW25" s="6"/>
      <c r="HTX25" s="6"/>
      <c r="HTY25" s="6"/>
      <c r="HTZ25" s="6"/>
      <c r="HUA25" s="6"/>
      <c r="HUB25" s="6"/>
      <c r="HUC25" s="6"/>
      <c r="HUD25" s="6"/>
      <c r="HUE25" s="6"/>
      <c r="HUF25" s="6"/>
      <c r="HUG25" s="6"/>
      <c r="HUH25" s="6"/>
      <c r="HUI25" s="6"/>
      <c r="HUJ25" s="6"/>
      <c r="HUK25" s="6"/>
      <c r="HUL25" s="6"/>
      <c r="HUM25" s="6"/>
      <c r="HUN25" s="6"/>
      <c r="HUO25" s="6"/>
      <c r="HUP25" s="6"/>
      <c r="HUQ25" s="6"/>
      <c r="HUR25" s="6"/>
      <c r="HUS25" s="6"/>
      <c r="HUT25" s="6"/>
      <c r="HUU25" s="6"/>
      <c r="HUV25" s="6"/>
      <c r="HUW25" s="6"/>
      <c r="HUX25" s="6"/>
      <c r="HUY25" s="6"/>
      <c r="HUZ25" s="6"/>
      <c r="HVA25" s="6"/>
      <c r="HVB25" s="6"/>
      <c r="HVC25" s="6"/>
      <c r="HVD25" s="6"/>
      <c r="HVE25" s="6"/>
      <c r="HVF25" s="6"/>
      <c r="HVG25" s="6"/>
      <c r="HVH25" s="6"/>
      <c r="HVI25" s="6"/>
      <c r="HVJ25" s="6"/>
      <c r="HVK25" s="6"/>
      <c r="HVL25" s="6"/>
      <c r="HVM25" s="6"/>
      <c r="HVN25" s="6"/>
      <c r="HVO25" s="6"/>
      <c r="HVP25" s="6"/>
      <c r="HVQ25" s="6"/>
      <c r="HVR25" s="6"/>
      <c r="HVS25" s="6"/>
      <c r="HVT25" s="6"/>
      <c r="HVU25" s="6"/>
      <c r="HVV25" s="6"/>
      <c r="HVW25" s="6"/>
      <c r="HVX25" s="6"/>
      <c r="HVY25" s="6"/>
      <c r="HVZ25" s="6"/>
      <c r="HWA25" s="6"/>
      <c r="HWB25" s="6"/>
      <c r="HWC25" s="6"/>
      <c r="HWD25" s="6"/>
      <c r="HWE25" s="6"/>
      <c r="HWF25" s="6"/>
      <c r="HWG25" s="6"/>
      <c r="HWH25" s="6"/>
      <c r="HWI25" s="6"/>
      <c r="HWJ25" s="6"/>
      <c r="HWK25" s="6"/>
      <c r="HWL25" s="6"/>
      <c r="HWM25" s="6"/>
      <c r="HWN25" s="6"/>
      <c r="HWO25" s="6"/>
      <c r="HWP25" s="6"/>
      <c r="HWQ25" s="6"/>
      <c r="HWR25" s="6"/>
      <c r="HWS25" s="6"/>
      <c r="HWT25" s="6"/>
      <c r="HWU25" s="6"/>
      <c r="HWV25" s="6"/>
      <c r="HWW25" s="6"/>
      <c r="HWX25" s="6"/>
      <c r="HWY25" s="6"/>
      <c r="HWZ25" s="6"/>
      <c r="HXA25" s="6"/>
      <c r="HXB25" s="6"/>
      <c r="HXC25" s="6"/>
      <c r="HXD25" s="6"/>
      <c r="HXE25" s="6"/>
      <c r="HXF25" s="6"/>
      <c r="HXG25" s="6"/>
      <c r="HXH25" s="6"/>
      <c r="HXI25" s="6"/>
      <c r="HXJ25" s="6"/>
      <c r="HXK25" s="6"/>
      <c r="HXL25" s="6"/>
      <c r="HXM25" s="6"/>
      <c r="HXN25" s="6"/>
      <c r="HXO25" s="6"/>
      <c r="HXP25" s="6"/>
      <c r="HXQ25" s="6"/>
      <c r="HXR25" s="6"/>
      <c r="HXS25" s="6"/>
      <c r="HXT25" s="6"/>
      <c r="HXU25" s="6"/>
      <c r="HXV25" s="6"/>
      <c r="HXW25" s="6"/>
      <c r="HXX25" s="6"/>
      <c r="HXY25" s="6"/>
      <c r="HXZ25" s="6"/>
      <c r="HYA25" s="6"/>
      <c r="HYB25" s="6"/>
      <c r="HYC25" s="6"/>
      <c r="HYD25" s="6"/>
      <c r="HYE25" s="6"/>
      <c r="HYF25" s="6"/>
      <c r="HYG25" s="6"/>
      <c r="HYH25" s="6"/>
      <c r="HYI25" s="6"/>
      <c r="HYJ25" s="6"/>
      <c r="HYK25" s="6"/>
      <c r="HYL25" s="6"/>
      <c r="HYM25" s="6"/>
      <c r="HYN25" s="6"/>
      <c r="HYO25" s="6"/>
      <c r="HYP25" s="6"/>
      <c r="HYQ25" s="6"/>
      <c r="HYR25" s="6"/>
      <c r="HYS25" s="6"/>
      <c r="HYT25" s="6"/>
      <c r="HYU25" s="6"/>
      <c r="HYV25" s="6"/>
      <c r="HYW25" s="6"/>
      <c r="HYX25" s="6"/>
      <c r="HYY25" s="6"/>
      <c r="HYZ25" s="6"/>
      <c r="HZA25" s="6"/>
      <c r="HZB25" s="6"/>
      <c r="HZC25" s="6"/>
      <c r="HZD25" s="6"/>
      <c r="HZE25" s="6"/>
      <c r="HZF25" s="6"/>
      <c r="HZG25" s="6"/>
      <c r="HZH25" s="6"/>
      <c r="HZI25" s="6"/>
      <c r="HZJ25" s="6"/>
      <c r="HZK25" s="6"/>
      <c r="HZL25" s="6"/>
      <c r="HZM25" s="6"/>
      <c r="HZN25" s="6"/>
      <c r="HZO25" s="6"/>
      <c r="HZP25" s="6"/>
      <c r="HZQ25" s="6"/>
      <c r="HZR25" s="6"/>
      <c r="HZS25" s="6"/>
      <c r="HZT25" s="6"/>
      <c r="HZU25" s="6"/>
      <c r="HZV25" s="6"/>
      <c r="HZW25" s="6"/>
      <c r="HZX25" s="6"/>
      <c r="HZY25" s="6"/>
      <c r="HZZ25" s="6"/>
      <c r="IAA25" s="6"/>
      <c r="IAB25" s="6"/>
      <c r="IAC25" s="6"/>
      <c r="IAD25" s="6"/>
      <c r="IAE25" s="6"/>
      <c r="IAF25" s="6"/>
      <c r="IAG25" s="6"/>
      <c r="IAH25" s="6"/>
      <c r="IAI25" s="6"/>
      <c r="IAJ25" s="6"/>
      <c r="IAK25" s="6"/>
      <c r="IAL25" s="6"/>
      <c r="IAM25" s="6"/>
      <c r="IAN25" s="6"/>
      <c r="IAO25" s="6"/>
      <c r="IAP25" s="6"/>
      <c r="IAQ25" s="6"/>
      <c r="IAR25" s="6"/>
      <c r="IAS25" s="6"/>
      <c r="IAT25" s="6"/>
      <c r="IAU25" s="6"/>
      <c r="IAV25" s="6"/>
      <c r="IAW25" s="6"/>
      <c r="IAX25" s="6"/>
      <c r="IAY25" s="6"/>
      <c r="IAZ25" s="6"/>
      <c r="IBA25" s="6"/>
      <c r="IBB25" s="6"/>
      <c r="IBC25" s="6"/>
      <c r="IBD25" s="6"/>
      <c r="IBE25" s="6"/>
      <c r="IBF25" s="6"/>
      <c r="IBG25" s="6"/>
      <c r="IBH25" s="6"/>
      <c r="IBI25" s="6"/>
      <c r="IBJ25" s="6"/>
      <c r="IBK25" s="6"/>
      <c r="IBL25" s="6"/>
      <c r="IBM25" s="6"/>
      <c r="IBN25" s="6"/>
      <c r="IBO25" s="6"/>
      <c r="IBP25" s="6"/>
      <c r="IBQ25" s="6"/>
      <c r="IBR25" s="6"/>
      <c r="IBS25" s="6"/>
      <c r="IBT25" s="6"/>
      <c r="IBU25" s="6"/>
      <c r="IBV25" s="6"/>
      <c r="IBW25" s="6"/>
      <c r="IBX25" s="6"/>
      <c r="IBY25" s="6"/>
      <c r="IBZ25" s="6"/>
      <c r="ICA25" s="6"/>
      <c r="ICB25" s="6"/>
      <c r="ICC25" s="6"/>
      <c r="ICD25" s="6"/>
      <c r="ICE25" s="6"/>
      <c r="ICF25" s="6"/>
      <c r="ICG25" s="6"/>
      <c r="ICH25" s="6"/>
      <c r="ICI25" s="6"/>
      <c r="ICJ25" s="6"/>
      <c r="ICK25" s="6"/>
      <c r="ICL25" s="6"/>
      <c r="ICM25" s="6"/>
      <c r="ICN25" s="6"/>
      <c r="ICO25" s="6"/>
      <c r="ICP25" s="6"/>
      <c r="ICQ25" s="6"/>
      <c r="ICR25" s="6"/>
      <c r="ICS25" s="6"/>
      <c r="ICT25" s="6"/>
      <c r="ICU25" s="6"/>
      <c r="ICV25" s="6"/>
      <c r="ICW25" s="6"/>
      <c r="ICX25" s="6"/>
      <c r="ICY25" s="6"/>
      <c r="ICZ25" s="6"/>
      <c r="IDA25" s="6"/>
      <c r="IDB25" s="6"/>
      <c r="IDC25" s="6"/>
      <c r="IDD25" s="6"/>
      <c r="IDE25" s="6"/>
      <c r="IDF25" s="6"/>
      <c r="IDG25" s="6"/>
      <c r="IDH25" s="6"/>
      <c r="IDI25" s="6"/>
      <c r="IDJ25" s="6"/>
      <c r="IDK25" s="6"/>
      <c r="IDL25" s="6"/>
      <c r="IDM25" s="6"/>
      <c r="IDN25" s="6"/>
      <c r="IDO25" s="6"/>
      <c r="IDP25" s="6"/>
      <c r="IDQ25" s="6"/>
      <c r="IDR25" s="6"/>
      <c r="IDS25" s="6"/>
      <c r="IDT25" s="6"/>
      <c r="IDU25" s="6"/>
      <c r="IDV25" s="6"/>
      <c r="IDW25" s="6"/>
      <c r="IDX25" s="6"/>
      <c r="IDY25" s="6"/>
      <c r="IDZ25" s="6"/>
      <c r="IEA25" s="6"/>
      <c r="IEB25" s="6"/>
      <c r="IEC25" s="6"/>
      <c r="IED25" s="6"/>
      <c r="IEE25" s="6"/>
      <c r="IEF25" s="6"/>
      <c r="IEG25" s="6"/>
      <c r="IEH25" s="6"/>
      <c r="IEI25" s="6"/>
      <c r="IEJ25" s="6"/>
      <c r="IEK25" s="6"/>
      <c r="IEL25" s="6"/>
      <c r="IEM25" s="6"/>
      <c r="IEN25" s="6"/>
      <c r="IEO25" s="6"/>
      <c r="IEP25" s="6"/>
      <c r="IEQ25" s="6"/>
      <c r="IER25" s="6"/>
      <c r="IES25" s="6"/>
      <c r="IET25" s="6"/>
      <c r="IEU25" s="6"/>
      <c r="IEV25" s="6"/>
      <c r="IEW25" s="6"/>
      <c r="IEX25" s="6"/>
      <c r="IEY25" s="6"/>
      <c r="IEZ25" s="6"/>
      <c r="IFA25" s="6"/>
      <c r="IFB25" s="6"/>
      <c r="IFC25" s="6"/>
      <c r="IFD25" s="6"/>
      <c r="IFE25" s="6"/>
      <c r="IFF25" s="6"/>
      <c r="IFG25" s="6"/>
      <c r="IFH25" s="6"/>
      <c r="IFI25" s="6"/>
      <c r="IFJ25" s="6"/>
      <c r="IFK25" s="6"/>
      <c r="IFL25" s="6"/>
      <c r="IFM25" s="6"/>
      <c r="IFN25" s="6"/>
      <c r="IFO25" s="6"/>
      <c r="IFP25" s="6"/>
      <c r="IFQ25" s="6"/>
      <c r="IFR25" s="6"/>
      <c r="IFS25" s="6"/>
      <c r="IFT25" s="6"/>
      <c r="IFU25" s="6"/>
      <c r="IFV25" s="6"/>
      <c r="IFW25" s="6"/>
      <c r="IFX25" s="6"/>
      <c r="IFY25" s="6"/>
      <c r="IFZ25" s="6"/>
      <c r="IGA25" s="6"/>
      <c r="IGB25" s="6"/>
      <c r="IGC25" s="6"/>
      <c r="IGD25" s="6"/>
      <c r="IGE25" s="6"/>
      <c r="IGF25" s="6"/>
      <c r="IGG25" s="6"/>
      <c r="IGH25" s="6"/>
      <c r="IGI25" s="6"/>
      <c r="IGJ25" s="6"/>
      <c r="IGK25" s="6"/>
      <c r="IGL25" s="6"/>
      <c r="IGM25" s="6"/>
      <c r="IGN25" s="6"/>
      <c r="IGO25" s="6"/>
      <c r="IGP25" s="6"/>
      <c r="IGQ25" s="6"/>
      <c r="IGR25" s="6"/>
      <c r="IGS25" s="6"/>
      <c r="IGT25" s="6"/>
      <c r="IGU25" s="6"/>
      <c r="IGV25" s="6"/>
      <c r="IGW25" s="6"/>
      <c r="IGX25" s="6"/>
      <c r="IGY25" s="6"/>
      <c r="IGZ25" s="6"/>
      <c r="IHA25" s="6"/>
      <c r="IHB25" s="6"/>
      <c r="IHC25" s="6"/>
      <c r="IHD25" s="6"/>
      <c r="IHE25" s="6"/>
      <c r="IHF25" s="6"/>
      <c r="IHG25" s="6"/>
      <c r="IHH25" s="6"/>
      <c r="IHI25" s="6"/>
      <c r="IHJ25" s="6"/>
      <c r="IHK25" s="6"/>
      <c r="IHL25" s="6"/>
      <c r="IHM25" s="6"/>
      <c r="IHN25" s="6"/>
      <c r="IHO25" s="6"/>
      <c r="IHP25" s="6"/>
      <c r="IHQ25" s="6"/>
      <c r="IHR25" s="6"/>
      <c r="IHS25" s="6"/>
      <c r="IHT25" s="6"/>
      <c r="IHU25" s="6"/>
      <c r="IHV25" s="6"/>
      <c r="IHW25" s="6"/>
      <c r="IHX25" s="6"/>
      <c r="IHY25" s="6"/>
      <c r="IHZ25" s="6"/>
      <c r="IIA25" s="6"/>
      <c r="IIB25" s="6"/>
      <c r="IIC25" s="6"/>
      <c r="IID25" s="6"/>
      <c r="IIE25" s="6"/>
      <c r="IIF25" s="6"/>
      <c r="IIG25" s="6"/>
      <c r="IIH25" s="6"/>
      <c r="III25" s="6"/>
      <c r="IIJ25" s="6"/>
      <c r="IIK25" s="6"/>
      <c r="IIL25" s="6"/>
      <c r="IIM25" s="6"/>
      <c r="IIN25" s="6"/>
      <c r="IIO25" s="6"/>
      <c r="IIP25" s="6"/>
      <c r="IIQ25" s="6"/>
      <c r="IIR25" s="6"/>
      <c r="IIS25" s="6"/>
      <c r="IIT25" s="6"/>
      <c r="IIU25" s="6"/>
      <c r="IIV25" s="6"/>
      <c r="IIW25" s="6"/>
      <c r="IIX25" s="6"/>
      <c r="IIY25" s="6"/>
      <c r="IIZ25" s="6"/>
      <c r="IJA25" s="6"/>
      <c r="IJB25" s="6"/>
      <c r="IJC25" s="6"/>
      <c r="IJD25" s="6"/>
      <c r="IJE25" s="6"/>
      <c r="IJF25" s="6"/>
      <c r="IJG25" s="6"/>
      <c r="IJH25" s="6"/>
      <c r="IJI25" s="6"/>
      <c r="IJJ25" s="6"/>
      <c r="IJK25" s="6"/>
      <c r="IJL25" s="6"/>
      <c r="IJM25" s="6"/>
      <c r="IJN25" s="6"/>
      <c r="IJO25" s="6"/>
      <c r="IJP25" s="6"/>
      <c r="IJQ25" s="6"/>
      <c r="IJR25" s="6"/>
      <c r="IJS25" s="6"/>
      <c r="IJT25" s="6"/>
      <c r="IJU25" s="6"/>
      <c r="IJV25" s="6"/>
      <c r="IJW25" s="6"/>
      <c r="IJX25" s="6"/>
      <c r="IJY25" s="6"/>
      <c r="IJZ25" s="6"/>
      <c r="IKA25" s="6"/>
      <c r="IKB25" s="6"/>
      <c r="IKC25" s="6"/>
      <c r="IKD25" s="6"/>
      <c r="IKE25" s="6"/>
      <c r="IKF25" s="6"/>
      <c r="IKG25" s="6"/>
      <c r="IKH25" s="6"/>
      <c r="IKI25" s="6"/>
      <c r="IKJ25" s="6"/>
      <c r="IKK25" s="6"/>
      <c r="IKL25" s="6"/>
      <c r="IKM25" s="6"/>
      <c r="IKN25" s="6"/>
      <c r="IKO25" s="6"/>
      <c r="IKP25" s="6"/>
      <c r="IKQ25" s="6"/>
      <c r="IKR25" s="6"/>
      <c r="IKS25" s="6"/>
      <c r="IKT25" s="6"/>
      <c r="IKU25" s="6"/>
      <c r="IKV25" s="6"/>
      <c r="IKW25" s="6"/>
      <c r="IKX25" s="6"/>
      <c r="IKY25" s="6"/>
      <c r="IKZ25" s="6"/>
      <c r="ILA25" s="6"/>
      <c r="ILB25" s="6"/>
      <c r="ILC25" s="6"/>
      <c r="ILD25" s="6"/>
      <c r="ILE25" s="6"/>
      <c r="ILF25" s="6"/>
      <c r="ILG25" s="6"/>
      <c r="ILH25" s="6"/>
      <c r="ILI25" s="6"/>
      <c r="ILJ25" s="6"/>
      <c r="ILK25" s="6"/>
      <c r="ILL25" s="6"/>
      <c r="ILM25" s="6"/>
      <c r="ILN25" s="6"/>
      <c r="ILO25" s="6"/>
      <c r="ILP25" s="6"/>
      <c r="ILQ25" s="6"/>
      <c r="ILR25" s="6"/>
      <c r="ILS25" s="6"/>
      <c r="ILT25" s="6"/>
      <c r="ILU25" s="6"/>
      <c r="ILV25" s="6"/>
      <c r="ILW25" s="6"/>
      <c r="ILX25" s="6"/>
      <c r="ILY25" s="6"/>
      <c r="ILZ25" s="6"/>
      <c r="IMA25" s="6"/>
      <c r="IMB25" s="6"/>
      <c r="IMC25" s="6"/>
      <c r="IMD25" s="6"/>
      <c r="IME25" s="6"/>
      <c r="IMF25" s="6"/>
      <c r="IMG25" s="6"/>
      <c r="IMH25" s="6"/>
      <c r="IMI25" s="6"/>
      <c r="IMJ25" s="6"/>
      <c r="IMK25" s="6"/>
      <c r="IML25" s="6"/>
      <c r="IMM25" s="6"/>
      <c r="IMN25" s="6"/>
      <c r="IMO25" s="6"/>
      <c r="IMP25" s="6"/>
      <c r="IMQ25" s="6"/>
      <c r="IMR25" s="6"/>
      <c r="IMS25" s="6"/>
      <c r="IMT25" s="6"/>
      <c r="IMU25" s="6"/>
      <c r="IMV25" s="6"/>
      <c r="IMW25" s="6"/>
      <c r="IMX25" s="6"/>
      <c r="IMY25" s="6"/>
      <c r="IMZ25" s="6"/>
      <c r="INA25" s="6"/>
      <c r="INB25" s="6"/>
      <c r="INC25" s="6"/>
      <c r="IND25" s="6"/>
      <c r="INE25" s="6"/>
      <c r="INF25" s="6"/>
      <c r="ING25" s="6"/>
      <c r="INH25" s="6"/>
      <c r="INI25" s="6"/>
      <c r="INJ25" s="6"/>
      <c r="INK25" s="6"/>
      <c r="INL25" s="6"/>
      <c r="INM25" s="6"/>
      <c r="INN25" s="6"/>
      <c r="INO25" s="6"/>
      <c r="INP25" s="6"/>
      <c r="INQ25" s="6"/>
      <c r="INR25" s="6"/>
      <c r="INS25" s="6"/>
      <c r="INT25" s="6"/>
      <c r="INU25" s="6"/>
      <c r="INV25" s="6"/>
      <c r="INW25" s="6"/>
      <c r="INX25" s="6"/>
      <c r="INY25" s="6"/>
      <c r="INZ25" s="6"/>
      <c r="IOA25" s="6"/>
      <c r="IOB25" s="6"/>
      <c r="IOC25" s="6"/>
      <c r="IOD25" s="6"/>
      <c r="IOE25" s="6"/>
      <c r="IOF25" s="6"/>
      <c r="IOG25" s="6"/>
      <c r="IOH25" s="6"/>
      <c r="IOI25" s="6"/>
      <c r="IOJ25" s="6"/>
      <c r="IOK25" s="6"/>
      <c r="IOL25" s="6"/>
      <c r="IOM25" s="6"/>
      <c r="ION25" s="6"/>
      <c r="IOO25" s="6"/>
      <c r="IOP25" s="6"/>
      <c r="IOQ25" s="6"/>
      <c r="IOR25" s="6"/>
      <c r="IOS25" s="6"/>
      <c r="IOT25" s="6"/>
      <c r="IOU25" s="6"/>
      <c r="IOV25" s="6"/>
      <c r="IOW25" s="6"/>
      <c r="IOX25" s="6"/>
      <c r="IOY25" s="6"/>
      <c r="IOZ25" s="6"/>
      <c r="IPA25" s="6"/>
      <c r="IPB25" s="6"/>
      <c r="IPC25" s="6"/>
      <c r="IPD25" s="6"/>
      <c r="IPE25" s="6"/>
      <c r="IPF25" s="6"/>
      <c r="IPG25" s="6"/>
      <c r="IPH25" s="6"/>
      <c r="IPI25" s="6"/>
      <c r="IPJ25" s="6"/>
      <c r="IPK25" s="6"/>
      <c r="IPL25" s="6"/>
      <c r="IPM25" s="6"/>
      <c r="IPN25" s="6"/>
      <c r="IPO25" s="6"/>
      <c r="IPP25" s="6"/>
      <c r="IPQ25" s="6"/>
      <c r="IPR25" s="6"/>
      <c r="IPS25" s="6"/>
      <c r="IPT25" s="6"/>
      <c r="IPU25" s="6"/>
      <c r="IPV25" s="6"/>
      <c r="IPW25" s="6"/>
      <c r="IPX25" s="6"/>
      <c r="IPY25" s="6"/>
      <c r="IPZ25" s="6"/>
      <c r="IQA25" s="6"/>
      <c r="IQB25" s="6"/>
      <c r="IQC25" s="6"/>
      <c r="IQD25" s="6"/>
      <c r="IQE25" s="6"/>
      <c r="IQF25" s="6"/>
      <c r="IQG25" s="6"/>
      <c r="IQH25" s="6"/>
      <c r="IQI25" s="6"/>
      <c r="IQJ25" s="6"/>
      <c r="IQK25" s="6"/>
      <c r="IQL25" s="6"/>
      <c r="IQM25" s="6"/>
      <c r="IQN25" s="6"/>
      <c r="IQO25" s="6"/>
      <c r="IQP25" s="6"/>
      <c r="IQQ25" s="6"/>
      <c r="IQR25" s="6"/>
      <c r="IQS25" s="6"/>
      <c r="IQT25" s="6"/>
      <c r="IQU25" s="6"/>
      <c r="IQV25" s="6"/>
      <c r="IQW25" s="6"/>
      <c r="IQX25" s="6"/>
      <c r="IQY25" s="6"/>
      <c r="IQZ25" s="6"/>
      <c r="IRA25" s="6"/>
      <c r="IRB25" s="6"/>
      <c r="IRC25" s="6"/>
      <c r="IRD25" s="6"/>
      <c r="IRE25" s="6"/>
      <c r="IRF25" s="6"/>
      <c r="IRG25" s="6"/>
      <c r="IRH25" s="6"/>
      <c r="IRI25" s="6"/>
      <c r="IRJ25" s="6"/>
      <c r="IRK25" s="6"/>
      <c r="IRL25" s="6"/>
      <c r="IRM25" s="6"/>
      <c r="IRN25" s="6"/>
      <c r="IRO25" s="6"/>
      <c r="IRP25" s="6"/>
      <c r="IRQ25" s="6"/>
      <c r="IRR25" s="6"/>
      <c r="IRS25" s="6"/>
      <c r="IRT25" s="6"/>
      <c r="IRU25" s="6"/>
      <c r="IRV25" s="6"/>
      <c r="IRW25" s="6"/>
      <c r="IRX25" s="6"/>
      <c r="IRY25" s="6"/>
      <c r="IRZ25" s="6"/>
      <c r="ISA25" s="6"/>
      <c r="ISB25" s="6"/>
      <c r="ISC25" s="6"/>
      <c r="ISD25" s="6"/>
      <c r="ISE25" s="6"/>
      <c r="ISF25" s="6"/>
      <c r="ISG25" s="6"/>
      <c r="ISH25" s="6"/>
      <c r="ISI25" s="6"/>
      <c r="ISJ25" s="6"/>
      <c r="ISK25" s="6"/>
      <c r="ISL25" s="6"/>
      <c r="ISM25" s="6"/>
      <c r="ISN25" s="6"/>
      <c r="ISO25" s="6"/>
      <c r="ISP25" s="6"/>
      <c r="ISQ25" s="6"/>
      <c r="ISR25" s="6"/>
      <c r="ISS25" s="6"/>
      <c r="IST25" s="6"/>
      <c r="ISU25" s="6"/>
      <c r="ISV25" s="6"/>
      <c r="ISW25" s="6"/>
      <c r="ISX25" s="6"/>
      <c r="ISY25" s="6"/>
      <c r="ISZ25" s="6"/>
      <c r="ITA25" s="6"/>
      <c r="ITB25" s="6"/>
      <c r="ITC25" s="6"/>
      <c r="ITD25" s="6"/>
      <c r="ITE25" s="6"/>
      <c r="ITF25" s="6"/>
      <c r="ITG25" s="6"/>
      <c r="ITH25" s="6"/>
      <c r="ITI25" s="6"/>
      <c r="ITJ25" s="6"/>
      <c r="ITK25" s="6"/>
      <c r="ITL25" s="6"/>
      <c r="ITM25" s="6"/>
      <c r="ITN25" s="6"/>
      <c r="ITO25" s="6"/>
      <c r="ITP25" s="6"/>
      <c r="ITQ25" s="6"/>
      <c r="ITR25" s="6"/>
      <c r="ITS25" s="6"/>
      <c r="ITT25" s="6"/>
      <c r="ITU25" s="6"/>
      <c r="ITV25" s="6"/>
      <c r="ITW25" s="6"/>
      <c r="ITX25" s="6"/>
      <c r="ITY25" s="6"/>
      <c r="ITZ25" s="6"/>
      <c r="IUA25" s="6"/>
      <c r="IUB25" s="6"/>
      <c r="IUC25" s="6"/>
      <c r="IUD25" s="6"/>
      <c r="IUE25" s="6"/>
      <c r="IUF25" s="6"/>
      <c r="IUG25" s="6"/>
      <c r="IUH25" s="6"/>
      <c r="IUI25" s="6"/>
      <c r="IUJ25" s="6"/>
      <c r="IUK25" s="6"/>
      <c r="IUL25" s="6"/>
      <c r="IUM25" s="6"/>
      <c r="IUN25" s="6"/>
      <c r="IUO25" s="6"/>
      <c r="IUP25" s="6"/>
      <c r="IUQ25" s="6"/>
      <c r="IUR25" s="6"/>
      <c r="IUS25" s="6"/>
      <c r="IUT25" s="6"/>
      <c r="IUU25" s="6"/>
      <c r="IUV25" s="6"/>
      <c r="IUW25" s="6"/>
      <c r="IUX25" s="6"/>
      <c r="IUY25" s="6"/>
      <c r="IUZ25" s="6"/>
      <c r="IVA25" s="6"/>
      <c r="IVB25" s="6"/>
      <c r="IVC25" s="6"/>
      <c r="IVD25" s="6"/>
      <c r="IVE25" s="6"/>
      <c r="IVF25" s="6"/>
      <c r="IVG25" s="6"/>
      <c r="IVH25" s="6"/>
      <c r="IVI25" s="6"/>
      <c r="IVJ25" s="6"/>
      <c r="IVK25" s="6"/>
      <c r="IVL25" s="6"/>
      <c r="IVM25" s="6"/>
      <c r="IVN25" s="6"/>
      <c r="IVO25" s="6"/>
      <c r="IVP25" s="6"/>
      <c r="IVQ25" s="6"/>
      <c r="IVR25" s="6"/>
      <c r="IVS25" s="6"/>
      <c r="IVT25" s="6"/>
      <c r="IVU25" s="6"/>
      <c r="IVV25" s="6"/>
      <c r="IVW25" s="6"/>
      <c r="IVX25" s="6"/>
      <c r="IVY25" s="6"/>
      <c r="IVZ25" s="6"/>
      <c r="IWA25" s="6"/>
      <c r="IWB25" s="6"/>
      <c r="IWC25" s="6"/>
      <c r="IWD25" s="6"/>
      <c r="IWE25" s="6"/>
      <c r="IWF25" s="6"/>
      <c r="IWG25" s="6"/>
      <c r="IWH25" s="6"/>
      <c r="IWI25" s="6"/>
      <c r="IWJ25" s="6"/>
      <c r="IWK25" s="6"/>
      <c r="IWL25" s="6"/>
      <c r="IWM25" s="6"/>
      <c r="IWN25" s="6"/>
      <c r="IWO25" s="6"/>
      <c r="IWP25" s="6"/>
      <c r="IWQ25" s="6"/>
      <c r="IWR25" s="6"/>
      <c r="IWS25" s="6"/>
      <c r="IWT25" s="6"/>
      <c r="IWU25" s="6"/>
      <c r="IWV25" s="6"/>
      <c r="IWW25" s="6"/>
      <c r="IWX25" s="6"/>
      <c r="IWY25" s="6"/>
      <c r="IWZ25" s="6"/>
      <c r="IXA25" s="6"/>
      <c r="IXB25" s="6"/>
      <c r="IXC25" s="6"/>
      <c r="IXD25" s="6"/>
      <c r="IXE25" s="6"/>
      <c r="IXF25" s="6"/>
      <c r="IXG25" s="6"/>
      <c r="IXH25" s="6"/>
      <c r="IXI25" s="6"/>
      <c r="IXJ25" s="6"/>
      <c r="IXK25" s="6"/>
      <c r="IXL25" s="6"/>
      <c r="IXM25" s="6"/>
      <c r="IXN25" s="6"/>
      <c r="IXO25" s="6"/>
      <c r="IXP25" s="6"/>
      <c r="IXQ25" s="6"/>
      <c r="IXR25" s="6"/>
      <c r="IXS25" s="6"/>
      <c r="IXT25" s="6"/>
      <c r="IXU25" s="6"/>
      <c r="IXV25" s="6"/>
      <c r="IXW25" s="6"/>
      <c r="IXX25" s="6"/>
      <c r="IXY25" s="6"/>
      <c r="IXZ25" s="6"/>
      <c r="IYA25" s="6"/>
      <c r="IYB25" s="6"/>
      <c r="IYC25" s="6"/>
      <c r="IYD25" s="6"/>
      <c r="IYE25" s="6"/>
      <c r="IYF25" s="6"/>
      <c r="IYG25" s="6"/>
      <c r="IYH25" s="6"/>
      <c r="IYI25" s="6"/>
      <c r="IYJ25" s="6"/>
      <c r="IYK25" s="6"/>
      <c r="IYL25" s="6"/>
      <c r="IYM25" s="6"/>
      <c r="IYN25" s="6"/>
      <c r="IYO25" s="6"/>
      <c r="IYP25" s="6"/>
      <c r="IYQ25" s="6"/>
      <c r="IYR25" s="6"/>
      <c r="IYS25" s="6"/>
      <c r="IYT25" s="6"/>
      <c r="IYU25" s="6"/>
      <c r="IYV25" s="6"/>
      <c r="IYW25" s="6"/>
      <c r="IYX25" s="6"/>
      <c r="IYY25" s="6"/>
      <c r="IYZ25" s="6"/>
      <c r="IZA25" s="6"/>
      <c r="IZB25" s="6"/>
      <c r="IZC25" s="6"/>
      <c r="IZD25" s="6"/>
      <c r="IZE25" s="6"/>
      <c r="IZF25" s="6"/>
      <c r="IZG25" s="6"/>
      <c r="IZH25" s="6"/>
      <c r="IZI25" s="6"/>
      <c r="IZJ25" s="6"/>
      <c r="IZK25" s="6"/>
      <c r="IZL25" s="6"/>
      <c r="IZM25" s="6"/>
      <c r="IZN25" s="6"/>
      <c r="IZO25" s="6"/>
      <c r="IZP25" s="6"/>
      <c r="IZQ25" s="6"/>
      <c r="IZR25" s="6"/>
      <c r="IZS25" s="6"/>
      <c r="IZT25" s="6"/>
      <c r="IZU25" s="6"/>
      <c r="IZV25" s="6"/>
      <c r="IZW25" s="6"/>
      <c r="IZX25" s="6"/>
      <c r="IZY25" s="6"/>
      <c r="IZZ25" s="6"/>
      <c r="JAA25" s="6"/>
      <c r="JAB25" s="6"/>
      <c r="JAC25" s="6"/>
      <c r="JAD25" s="6"/>
      <c r="JAE25" s="6"/>
      <c r="JAF25" s="6"/>
      <c r="JAG25" s="6"/>
      <c r="JAH25" s="6"/>
      <c r="JAI25" s="6"/>
      <c r="JAJ25" s="6"/>
      <c r="JAK25" s="6"/>
      <c r="JAL25" s="6"/>
      <c r="JAM25" s="6"/>
      <c r="JAN25" s="6"/>
      <c r="JAO25" s="6"/>
      <c r="JAP25" s="6"/>
      <c r="JAQ25" s="6"/>
      <c r="JAR25" s="6"/>
      <c r="JAS25" s="6"/>
      <c r="JAT25" s="6"/>
      <c r="JAU25" s="6"/>
      <c r="JAV25" s="6"/>
      <c r="JAW25" s="6"/>
      <c r="JAX25" s="6"/>
      <c r="JAY25" s="6"/>
      <c r="JAZ25" s="6"/>
      <c r="JBA25" s="6"/>
      <c r="JBB25" s="6"/>
      <c r="JBC25" s="6"/>
      <c r="JBD25" s="6"/>
      <c r="JBE25" s="6"/>
      <c r="JBF25" s="6"/>
      <c r="JBG25" s="6"/>
      <c r="JBH25" s="6"/>
      <c r="JBI25" s="6"/>
      <c r="JBJ25" s="6"/>
      <c r="JBK25" s="6"/>
      <c r="JBL25" s="6"/>
      <c r="JBM25" s="6"/>
      <c r="JBN25" s="6"/>
      <c r="JBO25" s="6"/>
      <c r="JBP25" s="6"/>
      <c r="JBQ25" s="6"/>
      <c r="JBR25" s="6"/>
      <c r="JBS25" s="6"/>
      <c r="JBT25" s="6"/>
      <c r="JBU25" s="6"/>
      <c r="JBV25" s="6"/>
      <c r="JBW25" s="6"/>
      <c r="JBX25" s="6"/>
      <c r="JBY25" s="6"/>
      <c r="JBZ25" s="6"/>
      <c r="JCA25" s="6"/>
      <c r="JCB25" s="6"/>
      <c r="JCC25" s="6"/>
      <c r="JCD25" s="6"/>
      <c r="JCE25" s="6"/>
      <c r="JCF25" s="6"/>
      <c r="JCG25" s="6"/>
      <c r="JCH25" s="6"/>
      <c r="JCI25" s="6"/>
      <c r="JCJ25" s="6"/>
      <c r="JCK25" s="6"/>
      <c r="JCL25" s="6"/>
      <c r="JCM25" s="6"/>
      <c r="JCN25" s="6"/>
      <c r="JCO25" s="6"/>
      <c r="JCP25" s="6"/>
      <c r="JCQ25" s="6"/>
      <c r="JCR25" s="6"/>
      <c r="JCS25" s="6"/>
      <c r="JCT25" s="6"/>
      <c r="JCU25" s="6"/>
      <c r="JCV25" s="6"/>
      <c r="JCW25" s="6"/>
      <c r="JCX25" s="6"/>
      <c r="JCY25" s="6"/>
      <c r="JCZ25" s="6"/>
      <c r="JDA25" s="6"/>
      <c r="JDB25" s="6"/>
      <c r="JDC25" s="6"/>
      <c r="JDD25" s="6"/>
      <c r="JDE25" s="6"/>
      <c r="JDF25" s="6"/>
      <c r="JDG25" s="6"/>
      <c r="JDH25" s="6"/>
      <c r="JDI25" s="6"/>
      <c r="JDJ25" s="6"/>
      <c r="JDK25" s="6"/>
      <c r="JDL25" s="6"/>
      <c r="JDM25" s="6"/>
      <c r="JDN25" s="6"/>
      <c r="JDO25" s="6"/>
      <c r="JDP25" s="6"/>
      <c r="JDQ25" s="6"/>
      <c r="JDR25" s="6"/>
      <c r="JDS25" s="6"/>
      <c r="JDT25" s="6"/>
      <c r="JDU25" s="6"/>
      <c r="JDV25" s="6"/>
      <c r="JDW25" s="6"/>
      <c r="JDX25" s="6"/>
      <c r="JDY25" s="6"/>
      <c r="JDZ25" s="6"/>
      <c r="JEA25" s="6"/>
      <c r="JEB25" s="6"/>
      <c r="JEC25" s="6"/>
      <c r="JED25" s="6"/>
      <c r="JEE25" s="6"/>
      <c r="JEF25" s="6"/>
      <c r="JEG25" s="6"/>
      <c r="JEH25" s="6"/>
      <c r="JEI25" s="6"/>
      <c r="JEJ25" s="6"/>
      <c r="JEK25" s="6"/>
      <c r="JEL25" s="6"/>
      <c r="JEM25" s="6"/>
      <c r="JEN25" s="6"/>
      <c r="JEO25" s="6"/>
      <c r="JEP25" s="6"/>
      <c r="JEQ25" s="6"/>
      <c r="JER25" s="6"/>
      <c r="JES25" s="6"/>
      <c r="JET25" s="6"/>
      <c r="JEU25" s="6"/>
      <c r="JEV25" s="6"/>
      <c r="JEW25" s="6"/>
      <c r="JEX25" s="6"/>
      <c r="JEY25" s="6"/>
      <c r="JEZ25" s="6"/>
      <c r="JFA25" s="6"/>
      <c r="JFB25" s="6"/>
      <c r="JFC25" s="6"/>
      <c r="JFD25" s="6"/>
      <c r="JFE25" s="6"/>
      <c r="JFF25" s="6"/>
      <c r="JFG25" s="6"/>
      <c r="JFH25" s="6"/>
      <c r="JFI25" s="6"/>
      <c r="JFJ25" s="6"/>
      <c r="JFK25" s="6"/>
      <c r="JFL25" s="6"/>
      <c r="JFM25" s="6"/>
      <c r="JFN25" s="6"/>
      <c r="JFO25" s="6"/>
      <c r="JFP25" s="6"/>
      <c r="JFQ25" s="6"/>
      <c r="JFR25" s="6"/>
      <c r="JFS25" s="6"/>
      <c r="JFT25" s="6"/>
      <c r="JFU25" s="6"/>
      <c r="JFV25" s="6"/>
      <c r="JFW25" s="6"/>
      <c r="JFX25" s="6"/>
      <c r="JFY25" s="6"/>
      <c r="JFZ25" s="6"/>
      <c r="JGA25" s="6"/>
      <c r="JGB25" s="6"/>
      <c r="JGC25" s="6"/>
      <c r="JGD25" s="6"/>
      <c r="JGE25" s="6"/>
      <c r="JGF25" s="6"/>
      <c r="JGG25" s="6"/>
      <c r="JGH25" s="6"/>
      <c r="JGI25" s="6"/>
      <c r="JGJ25" s="6"/>
      <c r="JGK25" s="6"/>
      <c r="JGL25" s="6"/>
      <c r="JGM25" s="6"/>
      <c r="JGN25" s="6"/>
      <c r="JGO25" s="6"/>
      <c r="JGP25" s="6"/>
      <c r="JGQ25" s="6"/>
      <c r="JGR25" s="6"/>
      <c r="JGS25" s="6"/>
      <c r="JGT25" s="6"/>
      <c r="JGU25" s="6"/>
      <c r="JGV25" s="6"/>
      <c r="JGW25" s="6"/>
      <c r="JGX25" s="6"/>
      <c r="JGY25" s="6"/>
      <c r="JGZ25" s="6"/>
      <c r="JHA25" s="6"/>
      <c r="JHB25" s="6"/>
      <c r="JHC25" s="6"/>
      <c r="JHD25" s="6"/>
      <c r="JHE25" s="6"/>
      <c r="JHF25" s="6"/>
      <c r="JHG25" s="6"/>
      <c r="JHH25" s="6"/>
      <c r="JHI25" s="6"/>
      <c r="JHJ25" s="6"/>
      <c r="JHK25" s="6"/>
      <c r="JHL25" s="6"/>
      <c r="JHM25" s="6"/>
      <c r="JHN25" s="6"/>
      <c r="JHO25" s="6"/>
      <c r="JHP25" s="6"/>
      <c r="JHQ25" s="6"/>
      <c r="JHR25" s="6"/>
      <c r="JHS25" s="6"/>
      <c r="JHT25" s="6"/>
      <c r="JHU25" s="6"/>
      <c r="JHV25" s="6"/>
      <c r="JHW25" s="6"/>
      <c r="JHX25" s="6"/>
      <c r="JHY25" s="6"/>
      <c r="JHZ25" s="6"/>
      <c r="JIA25" s="6"/>
      <c r="JIB25" s="6"/>
      <c r="JIC25" s="6"/>
      <c r="JID25" s="6"/>
      <c r="JIE25" s="6"/>
      <c r="JIF25" s="6"/>
      <c r="JIG25" s="6"/>
      <c r="JIH25" s="6"/>
      <c r="JII25" s="6"/>
      <c r="JIJ25" s="6"/>
      <c r="JIK25" s="6"/>
      <c r="JIL25" s="6"/>
      <c r="JIM25" s="6"/>
      <c r="JIN25" s="6"/>
      <c r="JIO25" s="6"/>
      <c r="JIP25" s="6"/>
      <c r="JIQ25" s="6"/>
      <c r="JIR25" s="6"/>
      <c r="JIS25" s="6"/>
      <c r="JIT25" s="6"/>
      <c r="JIU25" s="6"/>
      <c r="JIV25" s="6"/>
      <c r="JIW25" s="6"/>
      <c r="JIX25" s="6"/>
      <c r="JIY25" s="6"/>
      <c r="JIZ25" s="6"/>
      <c r="JJA25" s="6"/>
      <c r="JJB25" s="6"/>
      <c r="JJC25" s="6"/>
      <c r="JJD25" s="6"/>
      <c r="JJE25" s="6"/>
      <c r="JJF25" s="6"/>
      <c r="JJG25" s="6"/>
      <c r="JJH25" s="6"/>
      <c r="JJI25" s="6"/>
      <c r="JJJ25" s="6"/>
      <c r="JJK25" s="6"/>
      <c r="JJL25" s="6"/>
      <c r="JJM25" s="6"/>
      <c r="JJN25" s="6"/>
      <c r="JJO25" s="6"/>
      <c r="JJP25" s="6"/>
      <c r="JJQ25" s="6"/>
      <c r="JJR25" s="6"/>
      <c r="JJS25" s="6"/>
      <c r="JJT25" s="6"/>
      <c r="JJU25" s="6"/>
      <c r="JJV25" s="6"/>
      <c r="JJW25" s="6"/>
      <c r="JJX25" s="6"/>
      <c r="JJY25" s="6"/>
      <c r="JJZ25" s="6"/>
      <c r="JKA25" s="6"/>
      <c r="JKB25" s="6"/>
      <c r="JKC25" s="6"/>
      <c r="JKD25" s="6"/>
      <c r="JKE25" s="6"/>
      <c r="JKF25" s="6"/>
      <c r="JKG25" s="6"/>
      <c r="JKH25" s="6"/>
      <c r="JKI25" s="6"/>
      <c r="JKJ25" s="6"/>
      <c r="JKK25" s="6"/>
      <c r="JKL25" s="6"/>
      <c r="JKM25" s="6"/>
      <c r="JKN25" s="6"/>
      <c r="JKO25" s="6"/>
      <c r="JKP25" s="6"/>
      <c r="JKQ25" s="6"/>
      <c r="JKR25" s="6"/>
      <c r="JKS25" s="6"/>
      <c r="JKT25" s="6"/>
      <c r="JKU25" s="6"/>
      <c r="JKV25" s="6"/>
      <c r="JKW25" s="6"/>
      <c r="JKX25" s="6"/>
      <c r="JKY25" s="6"/>
      <c r="JKZ25" s="6"/>
      <c r="JLA25" s="6"/>
      <c r="JLB25" s="6"/>
      <c r="JLC25" s="6"/>
      <c r="JLD25" s="6"/>
      <c r="JLE25" s="6"/>
      <c r="JLF25" s="6"/>
      <c r="JLG25" s="6"/>
      <c r="JLH25" s="6"/>
      <c r="JLI25" s="6"/>
      <c r="JLJ25" s="6"/>
      <c r="JLK25" s="6"/>
      <c r="JLL25" s="6"/>
      <c r="JLM25" s="6"/>
      <c r="JLN25" s="6"/>
      <c r="JLO25" s="6"/>
      <c r="JLP25" s="6"/>
      <c r="JLQ25" s="6"/>
      <c r="JLR25" s="6"/>
      <c r="JLS25" s="6"/>
      <c r="JLT25" s="6"/>
      <c r="JLU25" s="6"/>
      <c r="JLV25" s="6"/>
      <c r="JLW25" s="6"/>
      <c r="JLX25" s="6"/>
      <c r="JLY25" s="6"/>
      <c r="JLZ25" s="6"/>
      <c r="JMA25" s="6"/>
      <c r="JMB25" s="6"/>
      <c r="JMC25" s="6"/>
      <c r="JMD25" s="6"/>
      <c r="JME25" s="6"/>
      <c r="JMF25" s="6"/>
      <c r="JMG25" s="6"/>
      <c r="JMH25" s="6"/>
      <c r="JMI25" s="6"/>
      <c r="JMJ25" s="6"/>
      <c r="JMK25" s="6"/>
      <c r="JML25" s="6"/>
      <c r="JMM25" s="6"/>
      <c r="JMN25" s="6"/>
      <c r="JMO25" s="6"/>
      <c r="JMP25" s="6"/>
      <c r="JMQ25" s="6"/>
      <c r="JMR25" s="6"/>
      <c r="JMS25" s="6"/>
      <c r="JMT25" s="6"/>
      <c r="JMU25" s="6"/>
      <c r="JMV25" s="6"/>
      <c r="JMW25" s="6"/>
      <c r="JMX25" s="6"/>
      <c r="JMY25" s="6"/>
      <c r="JMZ25" s="6"/>
      <c r="JNA25" s="6"/>
      <c r="JNB25" s="6"/>
      <c r="JNC25" s="6"/>
      <c r="JND25" s="6"/>
      <c r="JNE25" s="6"/>
      <c r="JNF25" s="6"/>
      <c r="JNG25" s="6"/>
      <c r="JNH25" s="6"/>
      <c r="JNI25" s="6"/>
      <c r="JNJ25" s="6"/>
      <c r="JNK25" s="6"/>
      <c r="JNL25" s="6"/>
      <c r="JNM25" s="6"/>
      <c r="JNN25" s="6"/>
      <c r="JNO25" s="6"/>
      <c r="JNP25" s="6"/>
      <c r="JNQ25" s="6"/>
      <c r="JNR25" s="6"/>
      <c r="JNS25" s="6"/>
      <c r="JNT25" s="6"/>
      <c r="JNU25" s="6"/>
      <c r="JNV25" s="6"/>
      <c r="JNW25" s="6"/>
      <c r="JNX25" s="6"/>
      <c r="JNY25" s="6"/>
      <c r="JNZ25" s="6"/>
      <c r="JOA25" s="6"/>
      <c r="JOB25" s="6"/>
      <c r="JOC25" s="6"/>
      <c r="JOD25" s="6"/>
      <c r="JOE25" s="6"/>
      <c r="JOF25" s="6"/>
      <c r="JOG25" s="6"/>
      <c r="JOH25" s="6"/>
      <c r="JOI25" s="6"/>
      <c r="JOJ25" s="6"/>
      <c r="JOK25" s="6"/>
      <c r="JOL25" s="6"/>
      <c r="JOM25" s="6"/>
      <c r="JON25" s="6"/>
      <c r="JOO25" s="6"/>
      <c r="JOP25" s="6"/>
      <c r="JOQ25" s="6"/>
      <c r="JOR25" s="6"/>
      <c r="JOS25" s="6"/>
      <c r="JOT25" s="6"/>
      <c r="JOU25" s="6"/>
      <c r="JOV25" s="6"/>
      <c r="JOW25" s="6"/>
      <c r="JOX25" s="6"/>
      <c r="JOY25" s="6"/>
      <c r="JOZ25" s="6"/>
      <c r="JPA25" s="6"/>
      <c r="JPB25" s="6"/>
      <c r="JPC25" s="6"/>
      <c r="JPD25" s="6"/>
      <c r="JPE25" s="6"/>
      <c r="JPF25" s="6"/>
      <c r="JPG25" s="6"/>
      <c r="JPH25" s="6"/>
      <c r="JPI25" s="6"/>
      <c r="JPJ25" s="6"/>
      <c r="JPK25" s="6"/>
      <c r="JPL25" s="6"/>
      <c r="JPM25" s="6"/>
      <c r="JPN25" s="6"/>
      <c r="JPO25" s="6"/>
      <c r="JPP25" s="6"/>
      <c r="JPQ25" s="6"/>
      <c r="JPR25" s="6"/>
      <c r="JPS25" s="6"/>
      <c r="JPT25" s="6"/>
      <c r="JPU25" s="6"/>
      <c r="JPV25" s="6"/>
      <c r="JPW25" s="6"/>
      <c r="JPX25" s="6"/>
      <c r="JPY25" s="6"/>
      <c r="JPZ25" s="6"/>
      <c r="JQA25" s="6"/>
      <c r="JQB25" s="6"/>
      <c r="JQC25" s="6"/>
      <c r="JQD25" s="6"/>
      <c r="JQE25" s="6"/>
      <c r="JQF25" s="6"/>
      <c r="JQG25" s="6"/>
      <c r="JQH25" s="6"/>
      <c r="JQI25" s="6"/>
      <c r="JQJ25" s="6"/>
      <c r="JQK25" s="6"/>
      <c r="JQL25" s="6"/>
      <c r="JQM25" s="6"/>
      <c r="JQN25" s="6"/>
      <c r="JQO25" s="6"/>
      <c r="JQP25" s="6"/>
      <c r="JQQ25" s="6"/>
      <c r="JQR25" s="6"/>
      <c r="JQS25" s="6"/>
      <c r="JQT25" s="6"/>
      <c r="JQU25" s="6"/>
      <c r="JQV25" s="6"/>
      <c r="JQW25" s="6"/>
      <c r="JQX25" s="6"/>
      <c r="JQY25" s="6"/>
      <c r="JQZ25" s="6"/>
      <c r="JRA25" s="6"/>
      <c r="JRB25" s="6"/>
      <c r="JRC25" s="6"/>
      <c r="JRD25" s="6"/>
      <c r="JRE25" s="6"/>
      <c r="JRF25" s="6"/>
      <c r="JRG25" s="6"/>
      <c r="JRH25" s="6"/>
      <c r="JRI25" s="6"/>
      <c r="JRJ25" s="6"/>
      <c r="JRK25" s="6"/>
      <c r="JRL25" s="6"/>
      <c r="JRM25" s="6"/>
      <c r="JRN25" s="6"/>
      <c r="JRO25" s="6"/>
      <c r="JRP25" s="6"/>
      <c r="JRQ25" s="6"/>
      <c r="JRR25" s="6"/>
      <c r="JRS25" s="6"/>
      <c r="JRT25" s="6"/>
      <c r="JRU25" s="6"/>
      <c r="JRV25" s="6"/>
      <c r="JRW25" s="6"/>
      <c r="JRX25" s="6"/>
      <c r="JRY25" s="6"/>
      <c r="JRZ25" s="6"/>
      <c r="JSA25" s="6"/>
      <c r="JSB25" s="6"/>
      <c r="JSC25" s="6"/>
      <c r="JSD25" s="6"/>
      <c r="JSE25" s="6"/>
      <c r="JSF25" s="6"/>
      <c r="JSG25" s="6"/>
      <c r="JSH25" s="6"/>
      <c r="JSI25" s="6"/>
      <c r="JSJ25" s="6"/>
      <c r="JSK25" s="6"/>
      <c r="JSL25" s="6"/>
      <c r="JSM25" s="6"/>
      <c r="JSN25" s="6"/>
      <c r="JSO25" s="6"/>
      <c r="JSP25" s="6"/>
      <c r="JSQ25" s="6"/>
      <c r="JSR25" s="6"/>
      <c r="JSS25" s="6"/>
      <c r="JST25" s="6"/>
      <c r="JSU25" s="6"/>
      <c r="JSV25" s="6"/>
      <c r="JSW25" s="6"/>
      <c r="JSX25" s="6"/>
      <c r="JSY25" s="6"/>
      <c r="JSZ25" s="6"/>
      <c r="JTA25" s="6"/>
      <c r="JTB25" s="6"/>
      <c r="JTC25" s="6"/>
      <c r="JTD25" s="6"/>
      <c r="JTE25" s="6"/>
      <c r="JTF25" s="6"/>
      <c r="JTG25" s="6"/>
      <c r="JTH25" s="6"/>
      <c r="JTI25" s="6"/>
      <c r="JTJ25" s="6"/>
      <c r="JTK25" s="6"/>
      <c r="JTL25" s="6"/>
      <c r="JTM25" s="6"/>
      <c r="JTN25" s="6"/>
      <c r="JTO25" s="6"/>
      <c r="JTP25" s="6"/>
      <c r="JTQ25" s="6"/>
      <c r="JTR25" s="6"/>
      <c r="JTS25" s="6"/>
      <c r="JTT25" s="6"/>
      <c r="JTU25" s="6"/>
      <c r="JTV25" s="6"/>
      <c r="JTW25" s="6"/>
      <c r="JTX25" s="6"/>
      <c r="JTY25" s="6"/>
      <c r="JTZ25" s="6"/>
      <c r="JUA25" s="6"/>
      <c r="JUB25" s="6"/>
      <c r="JUC25" s="6"/>
      <c r="JUD25" s="6"/>
      <c r="JUE25" s="6"/>
      <c r="JUF25" s="6"/>
      <c r="JUG25" s="6"/>
      <c r="JUH25" s="6"/>
      <c r="JUI25" s="6"/>
      <c r="JUJ25" s="6"/>
      <c r="JUK25" s="6"/>
      <c r="JUL25" s="6"/>
      <c r="JUM25" s="6"/>
      <c r="JUN25" s="6"/>
      <c r="JUO25" s="6"/>
      <c r="JUP25" s="6"/>
      <c r="JUQ25" s="6"/>
      <c r="JUR25" s="6"/>
      <c r="JUS25" s="6"/>
      <c r="JUT25" s="6"/>
      <c r="JUU25" s="6"/>
      <c r="JUV25" s="6"/>
      <c r="JUW25" s="6"/>
      <c r="JUX25" s="6"/>
      <c r="JUY25" s="6"/>
      <c r="JUZ25" s="6"/>
      <c r="JVA25" s="6"/>
      <c r="JVB25" s="6"/>
      <c r="JVC25" s="6"/>
      <c r="JVD25" s="6"/>
      <c r="JVE25" s="6"/>
      <c r="JVF25" s="6"/>
      <c r="JVG25" s="6"/>
      <c r="JVH25" s="6"/>
      <c r="JVI25" s="6"/>
      <c r="JVJ25" s="6"/>
      <c r="JVK25" s="6"/>
      <c r="JVL25" s="6"/>
      <c r="JVM25" s="6"/>
      <c r="JVN25" s="6"/>
      <c r="JVO25" s="6"/>
      <c r="JVP25" s="6"/>
      <c r="JVQ25" s="6"/>
      <c r="JVR25" s="6"/>
      <c r="JVS25" s="6"/>
      <c r="JVT25" s="6"/>
      <c r="JVU25" s="6"/>
      <c r="JVV25" s="6"/>
      <c r="JVW25" s="6"/>
      <c r="JVX25" s="6"/>
      <c r="JVY25" s="6"/>
      <c r="JVZ25" s="6"/>
      <c r="JWA25" s="6"/>
      <c r="JWB25" s="6"/>
      <c r="JWC25" s="6"/>
      <c r="JWD25" s="6"/>
      <c r="JWE25" s="6"/>
      <c r="JWF25" s="6"/>
      <c r="JWG25" s="6"/>
      <c r="JWH25" s="6"/>
      <c r="JWI25" s="6"/>
      <c r="JWJ25" s="6"/>
      <c r="JWK25" s="6"/>
      <c r="JWL25" s="6"/>
      <c r="JWM25" s="6"/>
      <c r="JWN25" s="6"/>
      <c r="JWO25" s="6"/>
      <c r="JWP25" s="6"/>
      <c r="JWQ25" s="6"/>
      <c r="JWR25" s="6"/>
      <c r="JWS25" s="6"/>
      <c r="JWT25" s="6"/>
      <c r="JWU25" s="6"/>
      <c r="JWV25" s="6"/>
      <c r="JWW25" s="6"/>
      <c r="JWX25" s="6"/>
      <c r="JWY25" s="6"/>
      <c r="JWZ25" s="6"/>
      <c r="JXA25" s="6"/>
      <c r="JXB25" s="6"/>
      <c r="JXC25" s="6"/>
      <c r="JXD25" s="6"/>
      <c r="JXE25" s="6"/>
      <c r="JXF25" s="6"/>
      <c r="JXG25" s="6"/>
      <c r="JXH25" s="6"/>
      <c r="JXI25" s="6"/>
      <c r="JXJ25" s="6"/>
      <c r="JXK25" s="6"/>
      <c r="JXL25" s="6"/>
      <c r="JXM25" s="6"/>
      <c r="JXN25" s="6"/>
      <c r="JXO25" s="6"/>
      <c r="JXP25" s="6"/>
      <c r="JXQ25" s="6"/>
      <c r="JXR25" s="6"/>
      <c r="JXS25" s="6"/>
      <c r="JXT25" s="6"/>
      <c r="JXU25" s="6"/>
      <c r="JXV25" s="6"/>
      <c r="JXW25" s="6"/>
      <c r="JXX25" s="6"/>
      <c r="JXY25" s="6"/>
      <c r="JXZ25" s="6"/>
      <c r="JYA25" s="6"/>
      <c r="JYB25" s="6"/>
      <c r="JYC25" s="6"/>
      <c r="JYD25" s="6"/>
      <c r="JYE25" s="6"/>
      <c r="JYF25" s="6"/>
      <c r="JYG25" s="6"/>
      <c r="JYH25" s="6"/>
      <c r="JYI25" s="6"/>
      <c r="JYJ25" s="6"/>
      <c r="JYK25" s="6"/>
      <c r="JYL25" s="6"/>
      <c r="JYM25" s="6"/>
      <c r="JYN25" s="6"/>
      <c r="JYO25" s="6"/>
      <c r="JYP25" s="6"/>
      <c r="JYQ25" s="6"/>
      <c r="JYR25" s="6"/>
      <c r="JYS25" s="6"/>
      <c r="JYT25" s="6"/>
      <c r="JYU25" s="6"/>
      <c r="JYV25" s="6"/>
      <c r="JYW25" s="6"/>
      <c r="JYX25" s="6"/>
      <c r="JYY25" s="6"/>
      <c r="JYZ25" s="6"/>
      <c r="JZA25" s="6"/>
      <c r="JZB25" s="6"/>
      <c r="JZC25" s="6"/>
      <c r="JZD25" s="6"/>
      <c r="JZE25" s="6"/>
      <c r="JZF25" s="6"/>
      <c r="JZG25" s="6"/>
      <c r="JZH25" s="6"/>
      <c r="JZI25" s="6"/>
      <c r="JZJ25" s="6"/>
      <c r="JZK25" s="6"/>
      <c r="JZL25" s="6"/>
      <c r="JZM25" s="6"/>
      <c r="JZN25" s="6"/>
      <c r="JZO25" s="6"/>
      <c r="JZP25" s="6"/>
      <c r="JZQ25" s="6"/>
      <c r="JZR25" s="6"/>
      <c r="JZS25" s="6"/>
      <c r="JZT25" s="6"/>
      <c r="JZU25" s="6"/>
      <c r="JZV25" s="6"/>
      <c r="JZW25" s="6"/>
      <c r="JZX25" s="6"/>
      <c r="JZY25" s="6"/>
      <c r="JZZ25" s="6"/>
      <c r="KAA25" s="6"/>
      <c r="KAB25" s="6"/>
      <c r="KAC25" s="6"/>
      <c r="KAD25" s="6"/>
      <c r="KAE25" s="6"/>
      <c r="KAF25" s="6"/>
      <c r="KAG25" s="6"/>
      <c r="KAH25" s="6"/>
      <c r="KAI25" s="6"/>
      <c r="KAJ25" s="6"/>
      <c r="KAK25" s="6"/>
      <c r="KAL25" s="6"/>
      <c r="KAM25" s="6"/>
      <c r="KAN25" s="6"/>
      <c r="KAO25" s="6"/>
      <c r="KAP25" s="6"/>
      <c r="KAQ25" s="6"/>
      <c r="KAR25" s="6"/>
      <c r="KAS25" s="6"/>
      <c r="KAT25" s="6"/>
      <c r="KAU25" s="6"/>
      <c r="KAV25" s="6"/>
      <c r="KAW25" s="6"/>
      <c r="KAX25" s="6"/>
      <c r="KAY25" s="6"/>
      <c r="KAZ25" s="6"/>
      <c r="KBA25" s="6"/>
      <c r="KBB25" s="6"/>
      <c r="KBC25" s="6"/>
      <c r="KBD25" s="6"/>
      <c r="KBE25" s="6"/>
      <c r="KBF25" s="6"/>
      <c r="KBG25" s="6"/>
      <c r="KBH25" s="6"/>
      <c r="KBI25" s="6"/>
      <c r="KBJ25" s="6"/>
      <c r="KBK25" s="6"/>
      <c r="KBL25" s="6"/>
      <c r="KBM25" s="6"/>
      <c r="KBN25" s="6"/>
      <c r="KBO25" s="6"/>
      <c r="KBP25" s="6"/>
      <c r="KBQ25" s="6"/>
      <c r="KBR25" s="6"/>
      <c r="KBS25" s="6"/>
      <c r="KBT25" s="6"/>
      <c r="KBU25" s="6"/>
      <c r="KBV25" s="6"/>
      <c r="KBW25" s="6"/>
      <c r="KBX25" s="6"/>
      <c r="KBY25" s="6"/>
      <c r="KBZ25" s="6"/>
      <c r="KCA25" s="6"/>
      <c r="KCB25" s="6"/>
      <c r="KCC25" s="6"/>
      <c r="KCD25" s="6"/>
      <c r="KCE25" s="6"/>
      <c r="KCF25" s="6"/>
      <c r="KCG25" s="6"/>
      <c r="KCH25" s="6"/>
      <c r="KCI25" s="6"/>
      <c r="KCJ25" s="6"/>
      <c r="KCK25" s="6"/>
      <c r="KCL25" s="6"/>
      <c r="KCM25" s="6"/>
      <c r="KCN25" s="6"/>
      <c r="KCO25" s="6"/>
      <c r="KCP25" s="6"/>
      <c r="KCQ25" s="6"/>
      <c r="KCR25" s="6"/>
      <c r="KCS25" s="6"/>
      <c r="KCT25" s="6"/>
      <c r="KCU25" s="6"/>
      <c r="KCV25" s="6"/>
      <c r="KCW25" s="6"/>
      <c r="KCX25" s="6"/>
      <c r="KCY25" s="6"/>
      <c r="KCZ25" s="6"/>
      <c r="KDA25" s="6"/>
      <c r="KDB25" s="6"/>
      <c r="KDC25" s="6"/>
      <c r="KDD25" s="6"/>
      <c r="KDE25" s="6"/>
      <c r="KDF25" s="6"/>
      <c r="KDG25" s="6"/>
      <c r="KDH25" s="6"/>
      <c r="KDI25" s="6"/>
      <c r="KDJ25" s="6"/>
      <c r="KDK25" s="6"/>
      <c r="KDL25" s="6"/>
      <c r="KDM25" s="6"/>
      <c r="KDN25" s="6"/>
      <c r="KDO25" s="6"/>
      <c r="KDP25" s="6"/>
      <c r="KDQ25" s="6"/>
      <c r="KDR25" s="6"/>
      <c r="KDS25" s="6"/>
      <c r="KDT25" s="6"/>
      <c r="KDU25" s="6"/>
      <c r="KDV25" s="6"/>
      <c r="KDW25" s="6"/>
      <c r="KDX25" s="6"/>
      <c r="KDY25" s="6"/>
      <c r="KDZ25" s="6"/>
      <c r="KEA25" s="6"/>
      <c r="KEB25" s="6"/>
      <c r="KEC25" s="6"/>
      <c r="KED25" s="6"/>
      <c r="KEE25" s="6"/>
      <c r="KEF25" s="6"/>
      <c r="KEG25" s="6"/>
      <c r="KEH25" s="6"/>
      <c r="KEI25" s="6"/>
      <c r="KEJ25" s="6"/>
      <c r="KEK25" s="6"/>
      <c r="KEL25" s="6"/>
      <c r="KEM25" s="6"/>
      <c r="KEN25" s="6"/>
      <c r="KEO25" s="6"/>
      <c r="KEP25" s="6"/>
      <c r="KEQ25" s="6"/>
      <c r="KER25" s="6"/>
      <c r="KES25" s="6"/>
      <c r="KET25" s="6"/>
      <c r="KEU25" s="6"/>
      <c r="KEV25" s="6"/>
      <c r="KEW25" s="6"/>
      <c r="KEX25" s="6"/>
      <c r="KEY25" s="6"/>
      <c r="KEZ25" s="6"/>
      <c r="KFA25" s="6"/>
      <c r="KFB25" s="6"/>
      <c r="KFC25" s="6"/>
      <c r="KFD25" s="6"/>
      <c r="KFE25" s="6"/>
      <c r="KFF25" s="6"/>
      <c r="KFG25" s="6"/>
      <c r="KFH25" s="6"/>
      <c r="KFI25" s="6"/>
      <c r="KFJ25" s="6"/>
      <c r="KFK25" s="6"/>
      <c r="KFL25" s="6"/>
      <c r="KFM25" s="6"/>
      <c r="KFN25" s="6"/>
      <c r="KFO25" s="6"/>
      <c r="KFP25" s="6"/>
      <c r="KFQ25" s="6"/>
      <c r="KFR25" s="6"/>
      <c r="KFS25" s="6"/>
      <c r="KFT25" s="6"/>
      <c r="KFU25" s="6"/>
      <c r="KFV25" s="6"/>
      <c r="KFW25" s="6"/>
      <c r="KFX25" s="6"/>
      <c r="KFY25" s="6"/>
      <c r="KFZ25" s="6"/>
      <c r="KGA25" s="6"/>
      <c r="KGB25" s="6"/>
      <c r="KGC25" s="6"/>
      <c r="KGD25" s="6"/>
      <c r="KGE25" s="6"/>
      <c r="KGF25" s="6"/>
      <c r="KGG25" s="6"/>
      <c r="KGH25" s="6"/>
      <c r="KGI25" s="6"/>
      <c r="KGJ25" s="6"/>
      <c r="KGK25" s="6"/>
      <c r="KGL25" s="6"/>
      <c r="KGM25" s="6"/>
      <c r="KGN25" s="6"/>
      <c r="KGO25" s="6"/>
      <c r="KGP25" s="6"/>
      <c r="KGQ25" s="6"/>
      <c r="KGR25" s="6"/>
      <c r="KGS25" s="6"/>
      <c r="KGT25" s="6"/>
      <c r="KGU25" s="6"/>
      <c r="KGV25" s="6"/>
      <c r="KGW25" s="6"/>
      <c r="KGX25" s="6"/>
      <c r="KGY25" s="6"/>
      <c r="KGZ25" s="6"/>
      <c r="KHA25" s="6"/>
      <c r="KHB25" s="6"/>
      <c r="KHC25" s="6"/>
      <c r="KHD25" s="6"/>
      <c r="KHE25" s="6"/>
      <c r="KHF25" s="6"/>
      <c r="KHG25" s="6"/>
      <c r="KHH25" s="6"/>
      <c r="KHI25" s="6"/>
      <c r="KHJ25" s="6"/>
      <c r="KHK25" s="6"/>
      <c r="KHL25" s="6"/>
      <c r="KHM25" s="6"/>
      <c r="KHN25" s="6"/>
      <c r="KHO25" s="6"/>
      <c r="KHP25" s="6"/>
      <c r="KHQ25" s="6"/>
      <c r="KHR25" s="6"/>
      <c r="KHS25" s="6"/>
      <c r="KHT25" s="6"/>
      <c r="KHU25" s="6"/>
      <c r="KHV25" s="6"/>
      <c r="KHW25" s="6"/>
      <c r="KHX25" s="6"/>
      <c r="KHY25" s="6"/>
      <c r="KHZ25" s="6"/>
      <c r="KIA25" s="6"/>
      <c r="KIB25" s="6"/>
      <c r="KIC25" s="6"/>
      <c r="KID25" s="6"/>
      <c r="KIE25" s="6"/>
      <c r="KIF25" s="6"/>
      <c r="KIG25" s="6"/>
      <c r="KIH25" s="6"/>
      <c r="KII25" s="6"/>
      <c r="KIJ25" s="6"/>
      <c r="KIK25" s="6"/>
      <c r="KIL25" s="6"/>
      <c r="KIM25" s="6"/>
      <c r="KIN25" s="6"/>
      <c r="KIO25" s="6"/>
      <c r="KIP25" s="6"/>
      <c r="KIQ25" s="6"/>
      <c r="KIR25" s="6"/>
      <c r="KIS25" s="6"/>
      <c r="KIT25" s="6"/>
      <c r="KIU25" s="6"/>
      <c r="KIV25" s="6"/>
      <c r="KIW25" s="6"/>
      <c r="KIX25" s="6"/>
      <c r="KIY25" s="6"/>
      <c r="KIZ25" s="6"/>
      <c r="KJA25" s="6"/>
      <c r="KJB25" s="6"/>
      <c r="KJC25" s="6"/>
      <c r="KJD25" s="6"/>
      <c r="KJE25" s="6"/>
      <c r="KJF25" s="6"/>
      <c r="KJG25" s="6"/>
      <c r="KJH25" s="6"/>
      <c r="KJI25" s="6"/>
      <c r="KJJ25" s="6"/>
      <c r="KJK25" s="6"/>
      <c r="KJL25" s="6"/>
      <c r="KJM25" s="6"/>
      <c r="KJN25" s="6"/>
      <c r="KJO25" s="6"/>
      <c r="KJP25" s="6"/>
      <c r="KJQ25" s="6"/>
      <c r="KJR25" s="6"/>
      <c r="KJS25" s="6"/>
      <c r="KJT25" s="6"/>
      <c r="KJU25" s="6"/>
      <c r="KJV25" s="6"/>
      <c r="KJW25" s="6"/>
      <c r="KJX25" s="6"/>
      <c r="KJY25" s="6"/>
      <c r="KJZ25" s="6"/>
      <c r="KKA25" s="6"/>
      <c r="KKB25" s="6"/>
      <c r="KKC25" s="6"/>
      <c r="KKD25" s="6"/>
      <c r="KKE25" s="6"/>
      <c r="KKF25" s="6"/>
      <c r="KKG25" s="6"/>
      <c r="KKH25" s="6"/>
      <c r="KKI25" s="6"/>
      <c r="KKJ25" s="6"/>
      <c r="KKK25" s="6"/>
      <c r="KKL25" s="6"/>
      <c r="KKM25" s="6"/>
      <c r="KKN25" s="6"/>
      <c r="KKO25" s="6"/>
      <c r="KKP25" s="6"/>
      <c r="KKQ25" s="6"/>
      <c r="KKR25" s="6"/>
      <c r="KKS25" s="6"/>
      <c r="KKT25" s="6"/>
      <c r="KKU25" s="6"/>
      <c r="KKV25" s="6"/>
      <c r="KKW25" s="6"/>
      <c r="KKX25" s="6"/>
      <c r="KKY25" s="6"/>
      <c r="KKZ25" s="6"/>
      <c r="KLA25" s="6"/>
      <c r="KLB25" s="6"/>
      <c r="KLC25" s="6"/>
      <c r="KLD25" s="6"/>
      <c r="KLE25" s="6"/>
      <c r="KLF25" s="6"/>
      <c r="KLG25" s="6"/>
      <c r="KLH25" s="6"/>
      <c r="KLI25" s="6"/>
      <c r="KLJ25" s="6"/>
      <c r="KLK25" s="6"/>
      <c r="KLL25" s="6"/>
      <c r="KLM25" s="6"/>
      <c r="KLN25" s="6"/>
      <c r="KLO25" s="6"/>
      <c r="KLP25" s="6"/>
      <c r="KLQ25" s="6"/>
      <c r="KLR25" s="6"/>
      <c r="KLS25" s="6"/>
      <c r="KLT25" s="6"/>
      <c r="KLU25" s="6"/>
      <c r="KLV25" s="6"/>
      <c r="KLW25" s="6"/>
      <c r="KLX25" s="6"/>
      <c r="KLY25" s="6"/>
      <c r="KLZ25" s="6"/>
      <c r="KMA25" s="6"/>
      <c r="KMB25" s="6"/>
      <c r="KMC25" s="6"/>
      <c r="KMD25" s="6"/>
      <c r="KME25" s="6"/>
      <c r="KMF25" s="6"/>
      <c r="KMG25" s="6"/>
      <c r="KMH25" s="6"/>
      <c r="KMI25" s="6"/>
      <c r="KMJ25" s="6"/>
      <c r="KMK25" s="6"/>
      <c r="KML25" s="6"/>
      <c r="KMM25" s="6"/>
      <c r="KMN25" s="6"/>
      <c r="KMO25" s="6"/>
      <c r="KMP25" s="6"/>
      <c r="KMQ25" s="6"/>
      <c r="KMR25" s="6"/>
      <c r="KMS25" s="6"/>
      <c r="KMT25" s="6"/>
      <c r="KMU25" s="6"/>
      <c r="KMV25" s="6"/>
      <c r="KMW25" s="6"/>
      <c r="KMX25" s="6"/>
      <c r="KMY25" s="6"/>
      <c r="KMZ25" s="6"/>
      <c r="KNA25" s="6"/>
      <c r="KNB25" s="6"/>
      <c r="KNC25" s="6"/>
      <c r="KND25" s="6"/>
      <c r="KNE25" s="6"/>
      <c r="KNF25" s="6"/>
      <c r="KNG25" s="6"/>
      <c r="KNH25" s="6"/>
      <c r="KNI25" s="6"/>
      <c r="KNJ25" s="6"/>
      <c r="KNK25" s="6"/>
      <c r="KNL25" s="6"/>
      <c r="KNM25" s="6"/>
      <c r="KNN25" s="6"/>
      <c r="KNO25" s="6"/>
      <c r="KNP25" s="6"/>
      <c r="KNQ25" s="6"/>
      <c r="KNR25" s="6"/>
      <c r="KNS25" s="6"/>
      <c r="KNT25" s="6"/>
      <c r="KNU25" s="6"/>
      <c r="KNV25" s="6"/>
      <c r="KNW25" s="6"/>
      <c r="KNX25" s="6"/>
      <c r="KNY25" s="6"/>
      <c r="KNZ25" s="6"/>
      <c r="KOA25" s="6"/>
      <c r="KOB25" s="6"/>
      <c r="KOC25" s="6"/>
      <c r="KOD25" s="6"/>
      <c r="KOE25" s="6"/>
      <c r="KOF25" s="6"/>
      <c r="KOG25" s="6"/>
      <c r="KOH25" s="6"/>
      <c r="KOI25" s="6"/>
      <c r="KOJ25" s="6"/>
      <c r="KOK25" s="6"/>
      <c r="KOL25" s="6"/>
      <c r="KOM25" s="6"/>
      <c r="KON25" s="6"/>
      <c r="KOO25" s="6"/>
      <c r="KOP25" s="6"/>
      <c r="KOQ25" s="6"/>
      <c r="KOR25" s="6"/>
      <c r="KOS25" s="6"/>
      <c r="KOT25" s="6"/>
      <c r="KOU25" s="6"/>
      <c r="KOV25" s="6"/>
      <c r="KOW25" s="6"/>
      <c r="KOX25" s="6"/>
      <c r="KOY25" s="6"/>
      <c r="KOZ25" s="6"/>
      <c r="KPA25" s="6"/>
      <c r="KPB25" s="6"/>
      <c r="KPC25" s="6"/>
      <c r="KPD25" s="6"/>
      <c r="KPE25" s="6"/>
      <c r="KPF25" s="6"/>
      <c r="KPG25" s="6"/>
      <c r="KPH25" s="6"/>
      <c r="KPI25" s="6"/>
      <c r="KPJ25" s="6"/>
      <c r="KPK25" s="6"/>
      <c r="KPL25" s="6"/>
      <c r="KPM25" s="6"/>
      <c r="KPN25" s="6"/>
      <c r="KPO25" s="6"/>
      <c r="KPP25" s="6"/>
      <c r="KPQ25" s="6"/>
      <c r="KPR25" s="6"/>
      <c r="KPS25" s="6"/>
      <c r="KPT25" s="6"/>
      <c r="KPU25" s="6"/>
      <c r="KPV25" s="6"/>
      <c r="KPW25" s="6"/>
      <c r="KPX25" s="6"/>
      <c r="KPY25" s="6"/>
      <c r="KPZ25" s="6"/>
      <c r="KQA25" s="6"/>
      <c r="KQB25" s="6"/>
      <c r="KQC25" s="6"/>
      <c r="KQD25" s="6"/>
      <c r="KQE25" s="6"/>
      <c r="KQF25" s="6"/>
      <c r="KQG25" s="6"/>
      <c r="KQH25" s="6"/>
      <c r="KQI25" s="6"/>
      <c r="KQJ25" s="6"/>
      <c r="KQK25" s="6"/>
      <c r="KQL25" s="6"/>
      <c r="KQM25" s="6"/>
      <c r="KQN25" s="6"/>
      <c r="KQO25" s="6"/>
      <c r="KQP25" s="6"/>
      <c r="KQQ25" s="6"/>
      <c r="KQR25" s="6"/>
      <c r="KQS25" s="6"/>
      <c r="KQT25" s="6"/>
      <c r="KQU25" s="6"/>
      <c r="KQV25" s="6"/>
      <c r="KQW25" s="6"/>
      <c r="KQX25" s="6"/>
      <c r="KQY25" s="6"/>
      <c r="KQZ25" s="6"/>
      <c r="KRA25" s="6"/>
      <c r="KRB25" s="6"/>
      <c r="KRC25" s="6"/>
      <c r="KRD25" s="6"/>
      <c r="KRE25" s="6"/>
      <c r="KRF25" s="6"/>
      <c r="KRG25" s="6"/>
      <c r="KRH25" s="6"/>
      <c r="KRI25" s="6"/>
      <c r="KRJ25" s="6"/>
      <c r="KRK25" s="6"/>
      <c r="KRL25" s="6"/>
      <c r="KRM25" s="6"/>
      <c r="KRN25" s="6"/>
      <c r="KRO25" s="6"/>
      <c r="KRP25" s="6"/>
      <c r="KRQ25" s="6"/>
      <c r="KRR25" s="6"/>
      <c r="KRS25" s="6"/>
      <c r="KRT25" s="6"/>
      <c r="KRU25" s="6"/>
      <c r="KRV25" s="6"/>
      <c r="KRW25" s="6"/>
      <c r="KRX25" s="6"/>
      <c r="KRY25" s="6"/>
      <c r="KRZ25" s="6"/>
      <c r="KSA25" s="6"/>
      <c r="KSB25" s="6"/>
      <c r="KSC25" s="6"/>
      <c r="KSD25" s="6"/>
      <c r="KSE25" s="6"/>
      <c r="KSF25" s="6"/>
      <c r="KSG25" s="6"/>
      <c r="KSH25" s="6"/>
      <c r="KSI25" s="6"/>
      <c r="KSJ25" s="6"/>
      <c r="KSK25" s="6"/>
      <c r="KSL25" s="6"/>
      <c r="KSM25" s="6"/>
      <c r="KSN25" s="6"/>
      <c r="KSO25" s="6"/>
      <c r="KSP25" s="6"/>
      <c r="KSQ25" s="6"/>
      <c r="KSR25" s="6"/>
      <c r="KSS25" s="6"/>
      <c r="KST25" s="6"/>
      <c r="KSU25" s="6"/>
      <c r="KSV25" s="6"/>
      <c r="KSW25" s="6"/>
      <c r="KSX25" s="6"/>
      <c r="KSY25" s="6"/>
      <c r="KSZ25" s="6"/>
      <c r="KTA25" s="6"/>
      <c r="KTB25" s="6"/>
      <c r="KTC25" s="6"/>
      <c r="KTD25" s="6"/>
      <c r="KTE25" s="6"/>
      <c r="KTF25" s="6"/>
      <c r="KTG25" s="6"/>
      <c r="KTH25" s="6"/>
      <c r="KTI25" s="6"/>
      <c r="KTJ25" s="6"/>
      <c r="KTK25" s="6"/>
      <c r="KTL25" s="6"/>
      <c r="KTM25" s="6"/>
      <c r="KTN25" s="6"/>
      <c r="KTO25" s="6"/>
      <c r="KTP25" s="6"/>
      <c r="KTQ25" s="6"/>
      <c r="KTR25" s="6"/>
      <c r="KTS25" s="6"/>
      <c r="KTT25" s="6"/>
      <c r="KTU25" s="6"/>
      <c r="KTV25" s="6"/>
      <c r="KTW25" s="6"/>
      <c r="KTX25" s="6"/>
      <c r="KTY25" s="6"/>
      <c r="KTZ25" s="6"/>
      <c r="KUA25" s="6"/>
      <c r="KUB25" s="6"/>
      <c r="KUC25" s="6"/>
      <c r="KUD25" s="6"/>
      <c r="KUE25" s="6"/>
      <c r="KUF25" s="6"/>
      <c r="KUG25" s="6"/>
      <c r="KUH25" s="6"/>
      <c r="KUI25" s="6"/>
      <c r="KUJ25" s="6"/>
      <c r="KUK25" s="6"/>
      <c r="KUL25" s="6"/>
      <c r="KUM25" s="6"/>
      <c r="KUN25" s="6"/>
      <c r="KUO25" s="6"/>
      <c r="KUP25" s="6"/>
      <c r="KUQ25" s="6"/>
      <c r="KUR25" s="6"/>
      <c r="KUS25" s="6"/>
      <c r="KUT25" s="6"/>
      <c r="KUU25" s="6"/>
      <c r="KUV25" s="6"/>
      <c r="KUW25" s="6"/>
      <c r="KUX25" s="6"/>
      <c r="KUY25" s="6"/>
      <c r="KUZ25" s="6"/>
      <c r="KVA25" s="6"/>
      <c r="KVB25" s="6"/>
      <c r="KVC25" s="6"/>
      <c r="KVD25" s="6"/>
      <c r="KVE25" s="6"/>
      <c r="KVF25" s="6"/>
      <c r="KVG25" s="6"/>
      <c r="KVH25" s="6"/>
      <c r="KVI25" s="6"/>
      <c r="KVJ25" s="6"/>
      <c r="KVK25" s="6"/>
      <c r="KVL25" s="6"/>
      <c r="KVM25" s="6"/>
      <c r="KVN25" s="6"/>
      <c r="KVO25" s="6"/>
      <c r="KVP25" s="6"/>
      <c r="KVQ25" s="6"/>
      <c r="KVR25" s="6"/>
      <c r="KVS25" s="6"/>
      <c r="KVT25" s="6"/>
      <c r="KVU25" s="6"/>
      <c r="KVV25" s="6"/>
      <c r="KVW25" s="6"/>
      <c r="KVX25" s="6"/>
      <c r="KVY25" s="6"/>
      <c r="KVZ25" s="6"/>
      <c r="KWA25" s="6"/>
      <c r="KWB25" s="6"/>
      <c r="KWC25" s="6"/>
      <c r="KWD25" s="6"/>
      <c r="KWE25" s="6"/>
      <c r="KWF25" s="6"/>
      <c r="KWG25" s="6"/>
      <c r="KWH25" s="6"/>
      <c r="KWI25" s="6"/>
      <c r="KWJ25" s="6"/>
      <c r="KWK25" s="6"/>
      <c r="KWL25" s="6"/>
      <c r="KWM25" s="6"/>
      <c r="KWN25" s="6"/>
      <c r="KWO25" s="6"/>
      <c r="KWP25" s="6"/>
      <c r="KWQ25" s="6"/>
      <c r="KWR25" s="6"/>
      <c r="KWS25" s="6"/>
      <c r="KWT25" s="6"/>
      <c r="KWU25" s="6"/>
      <c r="KWV25" s="6"/>
      <c r="KWW25" s="6"/>
      <c r="KWX25" s="6"/>
      <c r="KWY25" s="6"/>
      <c r="KWZ25" s="6"/>
      <c r="KXA25" s="6"/>
      <c r="KXB25" s="6"/>
      <c r="KXC25" s="6"/>
      <c r="KXD25" s="6"/>
      <c r="KXE25" s="6"/>
      <c r="KXF25" s="6"/>
      <c r="KXG25" s="6"/>
      <c r="KXH25" s="6"/>
      <c r="KXI25" s="6"/>
      <c r="KXJ25" s="6"/>
      <c r="KXK25" s="6"/>
      <c r="KXL25" s="6"/>
      <c r="KXM25" s="6"/>
      <c r="KXN25" s="6"/>
      <c r="KXO25" s="6"/>
      <c r="KXP25" s="6"/>
      <c r="KXQ25" s="6"/>
      <c r="KXR25" s="6"/>
      <c r="KXS25" s="6"/>
      <c r="KXT25" s="6"/>
      <c r="KXU25" s="6"/>
      <c r="KXV25" s="6"/>
      <c r="KXW25" s="6"/>
      <c r="KXX25" s="6"/>
      <c r="KXY25" s="6"/>
      <c r="KXZ25" s="6"/>
      <c r="KYA25" s="6"/>
      <c r="KYB25" s="6"/>
      <c r="KYC25" s="6"/>
      <c r="KYD25" s="6"/>
      <c r="KYE25" s="6"/>
      <c r="KYF25" s="6"/>
      <c r="KYG25" s="6"/>
      <c r="KYH25" s="6"/>
      <c r="KYI25" s="6"/>
      <c r="KYJ25" s="6"/>
      <c r="KYK25" s="6"/>
      <c r="KYL25" s="6"/>
      <c r="KYM25" s="6"/>
      <c r="KYN25" s="6"/>
      <c r="KYO25" s="6"/>
      <c r="KYP25" s="6"/>
      <c r="KYQ25" s="6"/>
      <c r="KYR25" s="6"/>
      <c r="KYS25" s="6"/>
      <c r="KYT25" s="6"/>
      <c r="KYU25" s="6"/>
      <c r="KYV25" s="6"/>
      <c r="KYW25" s="6"/>
      <c r="KYX25" s="6"/>
      <c r="KYY25" s="6"/>
      <c r="KYZ25" s="6"/>
      <c r="KZA25" s="6"/>
      <c r="KZB25" s="6"/>
      <c r="KZC25" s="6"/>
      <c r="KZD25" s="6"/>
      <c r="KZE25" s="6"/>
      <c r="KZF25" s="6"/>
      <c r="KZG25" s="6"/>
      <c r="KZH25" s="6"/>
      <c r="KZI25" s="6"/>
      <c r="KZJ25" s="6"/>
      <c r="KZK25" s="6"/>
      <c r="KZL25" s="6"/>
      <c r="KZM25" s="6"/>
      <c r="KZN25" s="6"/>
      <c r="KZO25" s="6"/>
      <c r="KZP25" s="6"/>
      <c r="KZQ25" s="6"/>
      <c r="KZR25" s="6"/>
      <c r="KZS25" s="6"/>
      <c r="KZT25" s="6"/>
      <c r="KZU25" s="6"/>
      <c r="KZV25" s="6"/>
      <c r="KZW25" s="6"/>
      <c r="KZX25" s="6"/>
      <c r="KZY25" s="6"/>
      <c r="KZZ25" s="6"/>
      <c r="LAA25" s="6"/>
      <c r="LAB25" s="6"/>
      <c r="LAC25" s="6"/>
      <c r="LAD25" s="6"/>
      <c r="LAE25" s="6"/>
      <c r="LAF25" s="6"/>
      <c r="LAG25" s="6"/>
      <c r="LAH25" s="6"/>
      <c r="LAI25" s="6"/>
      <c r="LAJ25" s="6"/>
      <c r="LAK25" s="6"/>
      <c r="LAL25" s="6"/>
      <c r="LAM25" s="6"/>
      <c r="LAN25" s="6"/>
      <c r="LAO25" s="6"/>
      <c r="LAP25" s="6"/>
      <c r="LAQ25" s="6"/>
      <c r="LAR25" s="6"/>
      <c r="LAS25" s="6"/>
      <c r="LAT25" s="6"/>
      <c r="LAU25" s="6"/>
      <c r="LAV25" s="6"/>
      <c r="LAW25" s="6"/>
      <c r="LAX25" s="6"/>
      <c r="LAY25" s="6"/>
      <c r="LAZ25" s="6"/>
      <c r="LBA25" s="6"/>
      <c r="LBB25" s="6"/>
      <c r="LBC25" s="6"/>
      <c r="LBD25" s="6"/>
      <c r="LBE25" s="6"/>
      <c r="LBF25" s="6"/>
      <c r="LBG25" s="6"/>
      <c r="LBH25" s="6"/>
      <c r="LBI25" s="6"/>
      <c r="LBJ25" s="6"/>
      <c r="LBK25" s="6"/>
      <c r="LBL25" s="6"/>
      <c r="LBM25" s="6"/>
      <c r="LBN25" s="6"/>
      <c r="LBO25" s="6"/>
      <c r="LBP25" s="6"/>
      <c r="LBQ25" s="6"/>
      <c r="LBR25" s="6"/>
      <c r="LBS25" s="6"/>
      <c r="LBT25" s="6"/>
      <c r="LBU25" s="6"/>
      <c r="LBV25" s="6"/>
      <c r="LBW25" s="6"/>
      <c r="LBX25" s="6"/>
      <c r="LBY25" s="6"/>
      <c r="LBZ25" s="6"/>
      <c r="LCA25" s="6"/>
      <c r="LCB25" s="6"/>
      <c r="LCC25" s="6"/>
      <c r="LCD25" s="6"/>
      <c r="LCE25" s="6"/>
      <c r="LCF25" s="6"/>
      <c r="LCG25" s="6"/>
      <c r="LCH25" s="6"/>
      <c r="LCI25" s="6"/>
      <c r="LCJ25" s="6"/>
      <c r="LCK25" s="6"/>
      <c r="LCL25" s="6"/>
      <c r="LCM25" s="6"/>
      <c r="LCN25" s="6"/>
      <c r="LCO25" s="6"/>
      <c r="LCP25" s="6"/>
      <c r="LCQ25" s="6"/>
      <c r="LCR25" s="6"/>
      <c r="LCS25" s="6"/>
      <c r="LCT25" s="6"/>
      <c r="LCU25" s="6"/>
      <c r="LCV25" s="6"/>
      <c r="LCW25" s="6"/>
      <c r="LCX25" s="6"/>
      <c r="LCY25" s="6"/>
      <c r="LCZ25" s="6"/>
      <c r="LDA25" s="6"/>
      <c r="LDB25" s="6"/>
      <c r="LDC25" s="6"/>
      <c r="LDD25" s="6"/>
      <c r="LDE25" s="6"/>
      <c r="LDF25" s="6"/>
      <c r="LDG25" s="6"/>
      <c r="LDH25" s="6"/>
      <c r="LDI25" s="6"/>
      <c r="LDJ25" s="6"/>
      <c r="LDK25" s="6"/>
      <c r="LDL25" s="6"/>
      <c r="LDM25" s="6"/>
      <c r="LDN25" s="6"/>
      <c r="LDO25" s="6"/>
      <c r="LDP25" s="6"/>
      <c r="LDQ25" s="6"/>
      <c r="LDR25" s="6"/>
      <c r="LDS25" s="6"/>
      <c r="LDT25" s="6"/>
      <c r="LDU25" s="6"/>
      <c r="LDV25" s="6"/>
      <c r="LDW25" s="6"/>
      <c r="LDX25" s="6"/>
      <c r="LDY25" s="6"/>
      <c r="LDZ25" s="6"/>
      <c r="LEA25" s="6"/>
      <c r="LEB25" s="6"/>
      <c r="LEC25" s="6"/>
      <c r="LED25" s="6"/>
      <c r="LEE25" s="6"/>
      <c r="LEF25" s="6"/>
      <c r="LEG25" s="6"/>
      <c r="LEH25" s="6"/>
      <c r="LEI25" s="6"/>
      <c r="LEJ25" s="6"/>
      <c r="LEK25" s="6"/>
      <c r="LEL25" s="6"/>
      <c r="LEM25" s="6"/>
      <c r="LEN25" s="6"/>
      <c r="LEO25" s="6"/>
      <c r="LEP25" s="6"/>
      <c r="LEQ25" s="6"/>
      <c r="LER25" s="6"/>
      <c r="LES25" s="6"/>
      <c r="LET25" s="6"/>
      <c r="LEU25" s="6"/>
      <c r="LEV25" s="6"/>
      <c r="LEW25" s="6"/>
      <c r="LEX25" s="6"/>
      <c r="LEY25" s="6"/>
      <c r="LEZ25" s="6"/>
      <c r="LFA25" s="6"/>
      <c r="LFB25" s="6"/>
      <c r="LFC25" s="6"/>
      <c r="LFD25" s="6"/>
      <c r="LFE25" s="6"/>
      <c r="LFF25" s="6"/>
      <c r="LFG25" s="6"/>
      <c r="LFH25" s="6"/>
      <c r="LFI25" s="6"/>
      <c r="LFJ25" s="6"/>
      <c r="LFK25" s="6"/>
      <c r="LFL25" s="6"/>
      <c r="LFM25" s="6"/>
      <c r="LFN25" s="6"/>
      <c r="LFO25" s="6"/>
      <c r="LFP25" s="6"/>
      <c r="LFQ25" s="6"/>
      <c r="LFR25" s="6"/>
      <c r="LFS25" s="6"/>
      <c r="LFT25" s="6"/>
      <c r="LFU25" s="6"/>
      <c r="LFV25" s="6"/>
      <c r="LFW25" s="6"/>
      <c r="LFX25" s="6"/>
      <c r="LFY25" s="6"/>
      <c r="LFZ25" s="6"/>
      <c r="LGA25" s="6"/>
      <c r="LGB25" s="6"/>
      <c r="LGC25" s="6"/>
      <c r="LGD25" s="6"/>
      <c r="LGE25" s="6"/>
      <c r="LGF25" s="6"/>
      <c r="LGG25" s="6"/>
      <c r="LGH25" s="6"/>
      <c r="LGI25" s="6"/>
      <c r="LGJ25" s="6"/>
      <c r="LGK25" s="6"/>
      <c r="LGL25" s="6"/>
      <c r="LGM25" s="6"/>
      <c r="LGN25" s="6"/>
      <c r="LGO25" s="6"/>
      <c r="LGP25" s="6"/>
      <c r="LGQ25" s="6"/>
      <c r="LGR25" s="6"/>
      <c r="LGS25" s="6"/>
      <c r="LGT25" s="6"/>
      <c r="LGU25" s="6"/>
      <c r="LGV25" s="6"/>
      <c r="LGW25" s="6"/>
      <c r="LGX25" s="6"/>
      <c r="LGY25" s="6"/>
      <c r="LGZ25" s="6"/>
      <c r="LHA25" s="6"/>
      <c r="LHB25" s="6"/>
      <c r="LHC25" s="6"/>
      <c r="LHD25" s="6"/>
      <c r="LHE25" s="6"/>
      <c r="LHF25" s="6"/>
      <c r="LHG25" s="6"/>
      <c r="LHH25" s="6"/>
      <c r="LHI25" s="6"/>
      <c r="LHJ25" s="6"/>
      <c r="LHK25" s="6"/>
      <c r="LHL25" s="6"/>
      <c r="LHM25" s="6"/>
      <c r="LHN25" s="6"/>
      <c r="LHO25" s="6"/>
      <c r="LHP25" s="6"/>
      <c r="LHQ25" s="6"/>
      <c r="LHR25" s="6"/>
      <c r="LHS25" s="6"/>
      <c r="LHT25" s="6"/>
      <c r="LHU25" s="6"/>
      <c r="LHV25" s="6"/>
      <c r="LHW25" s="6"/>
      <c r="LHX25" s="6"/>
      <c r="LHY25" s="6"/>
      <c r="LHZ25" s="6"/>
      <c r="LIA25" s="6"/>
      <c r="LIB25" s="6"/>
      <c r="LIC25" s="6"/>
      <c r="LID25" s="6"/>
      <c r="LIE25" s="6"/>
      <c r="LIF25" s="6"/>
      <c r="LIG25" s="6"/>
      <c r="LIH25" s="6"/>
      <c r="LII25" s="6"/>
      <c r="LIJ25" s="6"/>
      <c r="LIK25" s="6"/>
      <c r="LIL25" s="6"/>
      <c r="LIM25" s="6"/>
      <c r="LIN25" s="6"/>
      <c r="LIO25" s="6"/>
      <c r="LIP25" s="6"/>
      <c r="LIQ25" s="6"/>
      <c r="LIR25" s="6"/>
      <c r="LIS25" s="6"/>
      <c r="LIT25" s="6"/>
      <c r="LIU25" s="6"/>
      <c r="LIV25" s="6"/>
      <c r="LIW25" s="6"/>
      <c r="LIX25" s="6"/>
      <c r="LIY25" s="6"/>
      <c r="LIZ25" s="6"/>
      <c r="LJA25" s="6"/>
      <c r="LJB25" s="6"/>
      <c r="LJC25" s="6"/>
      <c r="LJD25" s="6"/>
      <c r="LJE25" s="6"/>
      <c r="LJF25" s="6"/>
      <c r="LJG25" s="6"/>
      <c r="LJH25" s="6"/>
      <c r="LJI25" s="6"/>
      <c r="LJJ25" s="6"/>
      <c r="LJK25" s="6"/>
      <c r="LJL25" s="6"/>
      <c r="LJM25" s="6"/>
      <c r="LJN25" s="6"/>
      <c r="LJO25" s="6"/>
      <c r="LJP25" s="6"/>
      <c r="LJQ25" s="6"/>
      <c r="LJR25" s="6"/>
      <c r="LJS25" s="6"/>
      <c r="LJT25" s="6"/>
      <c r="LJU25" s="6"/>
      <c r="LJV25" s="6"/>
      <c r="LJW25" s="6"/>
      <c r="LJX25" s="6"/>
      <c r="LJY25" s="6"/>
      <c r="LJZ25" s="6"/>
      <c r="LKA25" s="6"/>
      <c r="LKB25" s="6"/>
      <c r="LKC25" s="6"/>
      <c r="LKD25" s="6"/>
      <c r="LKE25" s="6"/>
      <c r="LKF25" s="6"/>
      <c r="LKG25" s="6"/>
      <c r="LKH25" s="6"/>
      <c r="LKI25" s="6"/>
      <c r="LKJ25" s="6"/>
      <c r="LKK25" s="6"/>
      <c r="LKL25" s="6"/>
      <c r="LKM25" s="6"/>
      <c r="LKN25" s="6"/>
      <c r="LKO25" s="6"/>
      <c r="LKP25" s="6"/>
      <c r="LKQ25" s="6"/>
      <c r="LKR25" s="6"/>
      <c r="LKS25" s="6"/>
      <c r="LKT25" s="6"/>
      <c r="LKU25" s="6"/>
      <c r="LKV25" s="6"/>
      <c r="LKW25" s="6"/>
      <c r="LKX25" s="6"/>
      <c r="LKY25" s="6"/>
      <c r="LKZ25" s="6"/>
      <c r="LLA25" s="6"/>
      <c r="LLB25" s="6"/>
      <c r="LLC25" s="6"/>
      <c r="LLD25" s="6"/>
      <c r="LLE25" s="6"/>
      <c r="LLF25" s="6"/>
      <c r="LLG25" s="6"/>
      <c r="LLH25" s="6"/>
      <c r="LLI25" s="6"/>
      <c r="LLJ25" s="6"/>
      <c r="LLK25" s="6"/>
      <c r="LLL25" s="6"/>
      <c r="LLM25" s="6"/>
      <c r="LLN25" s="6"/>
      <c r="LLO25" s="6"/>
      <c r="LLP25" s="6"/>
      <c r="LLQ25" s="6"/>
      <c r="LLR25" s="6"/>
      <c r="LLS25" s="6"/>
      <c r="LLT25" s="6"/>
      <c r="LLU25" s="6"/>
      <c r="LLV25" s="6"/>
      <c r="LLW25" s="6"/>
      <c r="LLX25" s="6"/>
      <c r="LLY25" s="6"/>
      <c r="LLZ25" s="6"/>
      <c r="LMA25" s="6"/>
      <c r="LMB25" s="6"/>
      <c r="LMC25" s="6"/>
      <c r="LMD25" s="6"/>
      <c r="LME25" s="6"/>
      <c r="LMF25" s="6"/>
      <c r="LMG25" s="6"/>
      <c r="LMH25" s="6"/>
      <c r="LMI25" s="6"/>
      <c r="LMJ25" s="6"/>
      <c r="LMK25" s="6"/>
      <c r="LML25" s="6"/>
      <c r="LMM25" s="6"/>
      <c r="LMN25" s="6"/>
      <c r="LMO25" s="6"/>
      <c r="LMP25" s="6"/>
      <c r="LMQ25" s="6"/>
      <c r="LMR25" s="6"/>
      <c r="LMS25" s="6"/>
      <c r="LMT25" s="6"/>
      <c r="LMU25" s="6"/>
      <c r="LMV25" s="6"/>
      <c r="LMW25" s="6"/>
      <c r="LMX25" s="6"/>
      <c r="LMY25" s="6"/>
      <c r="LMZ25" s="6"/>
      <c r="LNA25" s="6"/>
      <c r="LNB25" s="6"/>
      <c r="LNC25" s="6"/>
      <c r="LND25" s="6"/>
      <c r="LNE25" s="6"/>
      <c r="LNF25" s="6"/>
      <c r="LNG25" s="6"/>
      <c r="LNH25" s="6"/>
      <c r="LNI25" s="6"/>
      <c r="LNJ25" s="6"/>
      <c r="LNK25" s="6"/>
      <c r="LNL25" s="6"/>
      <c r="LNM25" s="6"/>
      <c r="LNN25" s="6"/>
      <c r="LNO25" s="6"/>
      <c r="LNP25" s="6"/>
      <c r="LNQ25" s="6"/>
      <c r="LNR25" s="6"/>
      <c r="LNS25" s="6"/>
      <c r="LNT25" s="6"/>
      <c r="LNU25" s="6"/>
      <c r="LNV25" s="6"/>
      <c r="LNW25" s="6"/>
      <c r="LNX25" s="6"/>
      <c r="LNY25" s="6"/>
      <c r="LNZ25" s="6"/>
      <c r="LOA25" s="6"/>
      <c r="LOB25" s="6"/>
      <c r="LOC25" s="6"/>
      <c r="LOD25" s="6"/>
      <c r="LOE25" s="6"/>
      <c r="LOF25" s="6"/>
      <c r="LOG25" s="6"/>
      <c r="LOH25" s="6"/>
      <c r="LOI25" s="6"/>
      <c r="LOJ25" s="6"/>
      <c r="LOK25" s="6"/>
      <c r="LOL25" s="6"/>
      <c r="LOM25" s="6"/>
      <c r="LON25" s="6"/>
      <c r="LOO25" s="6"/>
      <c r="LOP25" s="6"/>
      <c r="LOQ25" s="6"/>
      <c r="LOR25" s="6"/>
      <c r="LOS25" s="6"/>
      <c r="LOT25" s="6"/>
      <c r="LOU25" s="6"/>
      <c r="LOV25" s="6"/>
      <c r="LOW25" s="6"/>
      <c r="LOX25" s="6"/>
      <c r="LOY25" s="6"/>
      <c r="LOZ25" s="6"/>
      <c r="LPA25" s="6"/>
      <c r="LPB25" s="6"/>
      <c r="LPC25" s="6"/>
      <c r="LPD25" s="6"/>
      <c r="LPE25" s="6"/>
      <c r="LPF25" s="6"/>
      <c r="LPG25" s="6"/>
      <c r="LPH25" s="6"/>
      <c r="LPI25" s="6"/>
      <c r="LPJ25" s="6"/>
      <c r="LPK25" s="6"/>
      <c r="LPL25" s="6"/>
      <c r="LPM25" s="6"/>
      <c r="LPN25" s="6"/>
      <c r="LPO25" s="6"/>
      <c r="LPP25" s="6"/>
      <c r="LPQ25" s="6"/>
      <c r="LPR25" s="6"/>
      <c r="LPS25" s="6"/>
      <c r="LPT25" s="6"/>
      <c r="LPU25" s="6"/>
      <c r="LPV25" s="6"/>
      <c r="LPW25" s="6"/>
      <c r="LPX25" s="6"/>
      <c r="LPY25" s="6"/>
      <c r="LPZ25" s="6"/>
      <c r="LQA25" s="6"/>
      <c r="LQB25" s="6"/>
      <c r="LQC25" s="6"/>
      <c r="LQD25" s="6"/>
      <c r="LQE25" s="6"/>
      <c r="LQF25" s="6"/>
      <c r="LQG25" s="6"/>
      <c r="LQH25" s="6"/>
      <c r="LQI25" s="6"/>
      <c r="LQJ25" s="6"/>
      <c r="LQK25" s="6"/>
      <c r="LQL25" s="6"/>
      <c r="LQM25" s="6"/>
      <c r="LQN25" s="6"/>
      <c r="LQO25" s="6"/>
      <c r="LQP25" s="6"/>
      <c r="LQQ25" s="6"/>
      <c r="LQR25" s="6"/>
      <c r="LQS25" s="6"/>
      <c r="LQT25" s="6"/>
      <c r="LQU25" s="6"/>
      <c r="LQV25" s="6"/>
      <c r="LQW25" s="6"/>
      <c r="LQX25" s="6"/>
      <c r="LQY25" s="6"/>
      <c r="LQZ25" s="6"/>
      <c r="LRA25" s="6"/>
      <c r="LRB25" s="6"/>
      <c r="LRC25" s="6"/>
      <c r="LRD25" s="6"/>
      <c r="LRE25" s="6"/>
      <c r="LRF25" s="6"/>
      <c r="LRG25" s="6"/>
      <c r="LRH25" s="6"/>
      <c r="LRI25" s="6"/>
      <c r="LRJ25" s="6"/>
      <c r="LRK25" s="6"/>
      <c r="LRL25" s="6"/>
      <c r="LRM25" s="6"/>
      <c r="LRN25" s="6"/>
      <c r="LRO25" s="6"/>
      <c r="LRP25" s="6"/>
      <c r="LRQ25" s="6"/>
      <c r="LRR25" s="6"/>
      <c r="LRS25" s="6"/>
      <c r="LRT25" s="6"/>
      <c r="LRU25" s="6"/>
      <c r="LRV25" s="6"/>
      <c r="LRW25" s="6"/>
      <c r="LRX25" s="6"/>
      <c r="LRY25" s="6"/>
      <c r="LRZ25" s="6"/>
      <c r="LSA25" s="6"/>
      <c r="LSB25" s="6"/>
      <c r="LSC25" s="6"/>
      <c r="LSD25" s="6"/>
      <c r="LSE25" s="6"/>
      <c r="LSF25" s="6"/>
      <c r="LSG25" s="6"/>
      <c r="LSH25" s="6"/>
      <c r="LSI25" s="6"/>
      <c r="LSJ25" s="6"/>
      <c r="LSK25" s="6"/>
      <c r="LSL25" s="6"/>
      <c r="LSM25" s="6"/>
      <c r="LSN25" s="6"/>
      <c r="LSO25" s="6"/>
      <c r="LSP25" s="6"/>
      <c r="LSQ25" s="6"/>
      <c r="LSR25" s="6"/>
      <c r="LSS25" s="6"/>
      <c r="LST25" s="6"/>
      <c r="LSU25" s="6"/>
      <c r="LSV25" s="6"/>
      <c r="LSW25" s="6"/>
      <c r="LSX25" s="6"/>
      <c r="LSY25" s="6"/>
      <c r="LSZ25" s="6"/>
      <c r="LTA25" s="6"/>
      <c r="LTB25" s="6"/>
      <c r="LTC25" s="6"/>
      <c r="LTD25" s="6"/>
      <c r="LTE25" s="6"/>
      <c r="LTF25" s="6"/>
      <c r="LTG25" s="6"/>
      <c r="LTH25" s="6"/>
      <c r="LTI25" s="6"/>
      <c r="LTJ25" s="6"/>
      <c r="LTK25" s="6"/>
      <c r="LTL25" s="6"/>
      <c r="LTM25" s="6"/>
      <c r="LTN25" s="6"/>
      <c r="LTO25" s="6"/>
      <c r="LTP25" s="6"/>
      <c r="LTQ25" s="6"/>
      <c r="LTR25" s="6"/>
      <c r="LTS25" s="6"/>
      <c r="LTT25" s="6"/>
      <c r="LTU25" s="6"/>
      <c r="LTV25" s="6"/>
      <c r="LTW25" s="6"/>
      <c r="LTX25" s="6"/>
      <c r="LTY25" s="6"/>
      <c r="LTZ25" s="6"/>
      <c r="LUA25" s="6"/>
      <c r="LUB25" s="6"/>
      <c r="LUC25" s="6"/>
      <c r="LUD25" s="6"/>
      <c r="LUE25" s="6"/>
      <c r="LUF25" s="6"/>
      <c r="LUG25" s="6"/>
      <c r="LUH25" s="6"/>
      <c r="LUI25" s="6"/>
      <c r="LUJ25" s="6"/>
      <c r="LUK25" s="6"/>
      <c r="LUL25" s="6"/>
      <c r="LUM25" s="6"/>
      <c r="LUN25" s="6"/>
      <c r="LUO25" s="6"/>
      <c r="LUP25" s="6"/>
      <c r="LUQ25" s="6"/>
      <c r="LUR25" s="6"/>
      <c r="LUS25" s="6"/>
      <c r="LUT25" s="6"/>
      <c r="LUU25" s="6"/>
      <c r="LUV25" s="6"/>
      <c r="LUW25" s="6"/>
      <c r="LUX25" s="6"/>
      <c r="LUY25" s="6"/>
      <c r="LUZ25" s="6"/>
      <c r="LVA25" s="6"/>
      <c r="LVB25" s="6"/>
      <c r="LVC25" s="6"/>
      <c r="LVD25" s="6"/>
      <c r="LVE25" s="6"/>
      <c r="LVF25" s="6"/>
      <c r="LVG25" s="6"/>
      <c r="LVH25" s="6"/>
      <c r="LVI25" s="6"/>
      <c r="LVJ25" s="6"/>
      <c r="LVK25" s="6"/>
      <c r="LVL25" s="6"/>
      <c r="LVM25" s="6"/>
      <c r="LVN25" s="6"/>
      <c r="LVO25" s="6"/>
      <c r="LVP25" s="6"/>
      <c r="LVQ25" s="6"/>
      <c r="LVR25" s="6"/>
      <c r="LVS25" s="6"/>
      <c r="LVT25" s="6"/>
      <c r="LVU25" s="6"/>
      <c r="LVV25" s="6"/>
      <c r="LVW25" s="6"/>
      <c r="LVX25" s="6"/>
      <c r="LVY25" s="6"/>
      <c r="LVZ25" s="6"/>
      <c r="LWA25" s="6"/>
      <c r="LWB25" s="6"/>
      <c r="LWC25" s="6"/>
      <c r="LWD25" s="6"/>
      <c r="LWE25" s="6"/>
      <c r="LWF25" s="6"/>
      <c r="LWG25" s="6"/>
      <c r="LWH25" s="6"/>
      <c r="LWI25" s="6"/>
      <c r="LWJ25" s="6"/>
      <c r="LWK25" s="6"/>
      <c r="LWL25" s="6"/>
      <c r="LWM25" s="6"/>
      <c r="LWN25" s="6"/>
      <c r="LWO25" s="6"/>
      <c r="LWP25" s="6"/>
      <c r="LWQ25" s="6"/>
      <c r="LWR25" s="6"/>
      <c r="LWS25" s="6"/>
      <c r="LWT25" s="6"/>
      <c r="LWU25" s="6"/>
      <c r="LWV25" s="6"/>
      <c r="LWW25" s="6"/>
      <c r="LWX25" s="6"/>
      <c r="LWY25" s="6"/>
      <c r="LWZ25" s="6"/>
      <c r="LXA25" s="6"/>
      <c r="LXB25" s="6"/>
      <c r="LXC25" s="6"/>
      <c r="LXD25" s="6"/>
      <c r="LXE25" s="6"/>
      <c r="LXF25" s="6"/>
      <c r="LXG25" s="6"/>
      <c r="LXH25" s="6"/>
      <c r="LXI25" s="6"/>
      <c r="LXJ25" s="6"/>
      <c r="LXK25" s="6"/>
      <c r="LXL25" s="6"/>
      <c r="LXM25" s="6"/>
      <c r="LXN25" s="6"/>
      <c r="LXO25" s="6"/>
      <c r="LXP25" s="6"/>
      <c r="LXQ25" s="6"/>
      <c r="LXR25" s="6"/>
      <c r="LXS25" s="6"/>
      <c r="LXT25" s="6"/>
      <c r="LXU25" s="6"/>
      <c r="LXV25" s="6"/>
      <c r="LXW25" s="6"/>
      <c r="LXX25" s="6"/>
      <c r="LXY25" s="6"/>
      <c r="LXZ25" s="6"/>
      <c r="LYA25" s="6"/>
      <c r="LYB25" s="6"/>
      <c r="LYC25" s="6"/>
      <c r="LYD25" s="6"/>
      <c r="LYE25" s="6"/>
      <c r="LYF25" s="6"/>
      <c r="LYG25" s="6"/>
      <c r="LYH25" s="6"/>
      <c r="LYI25" s="6"/>
      <c r="LYJ25" s="6"/>
      <c r="LYK25" s="6"/>
      <c r="LYL25" s="6"/>
      <c r="LYM25" s="6"/>
      <c r="LYN25" s="6"/>
      <c r="LYO25" s="6"/>
      <c r="LYP25" s="6"/>
      <c r="LYQ25" s="6"/>
      <c r="LYR25" s="6"/>
      <c r="LYS25" s="6"/>
      <c r="LYT25" s="6"/>
      <c r="LYU25" s="6"/>
      <c r="LYV25" s="6"/>
      <c r="LYW25" s="6"/>
      <c r="LYX25" s="6"/>
      <c r="LYY25" s="6"/>
      <c r="LYZ25" s="6"/>
      <c r="LZA25" s="6"/>
      <c r="LZB25" s="6"/>
      <c r="LZC25" s="6"/>
      <c r="LZD25" s="6"/>
      <c r="LZE25" s="6"/>
      <c r="LZF25" s="6"/>
      <c r="LZG25" s="6"/>
      <c r="LZH25" s="6"/>
      <c r="LZI25" s="6"/>
      <c r="LZJ25" s="6"/>
      <c r="LZK25" s="6"/>
      <c r="LZL25" s="6"/>
      <c r="LZM25" s="6"/>
      <c r="LZN25" s="6"/>
      <c r="LZO25" s="6"/>
      <c r="LZP25" s="6"/>
      <c r="LZQ25" s="6"/>
      <c r="LZR25" s="6"/>
      <c r="LZS25" s="6"/>
      <c r="LZT25" s="6"/>
      <c r="LZU25" s="6"/>
      <c r="LZV25" s="6"/>
      <c r="LZW25" s="6"/>
      <c r="LZX25" s="6"/>
      <c r="LZY25" s="6"/>
      <c r="LZZ25" s="6"/>
      <c r="MAA25" s="6"/>
      <c r="MAB25" s="6"/>
      <c r="MAC25" s="6"/>
      <c r="MAD25" s="6"/>
      <c r="MAE25" s="6"/>
      <c r="MAF25" s="6"/>
      <c r="MAG25" s="6"/>
      <c r="MAH25" s="6"/>
      <c r="MAI25" s="6"/>
      <c r="MAJ25" s="6"/>
      <c r="MAK25" s="6"/>
      <c r="MAL25" s="6"/>
      <c r="MAM25" s="6"/>
      <c r="MAN25" s="6"/>
      <c r="MAO25" s="6"/>
      <c r="MAP25" s="6"/>
      <c r="MAQ25" s="6"/>
      <c r="MAR25" s="6"/>
      <c r="MAS25" s="6"/>
      <c r="MAT25" s="6"/>
      <c r="MAU25" s="6"/>
      <c r="MAV25" s="6"/>
      <c r="MAW25" s="6"/>
      <c r="MAX25" s="6"/>
      <c r="MAY25" s="6"/>
      <c r="MAZ25" s="6"/>
      <c r="MBA25" s="6"/>
      <c r="MBB25" s="6"/>
      <c r="MBC25" s="6"/>
      <c r="MBD25" s="6"/>
      <c r="MBE25" s="6"/>
      <c r="MBF25" s="6"/>
      <c r="MBG25" s="6"/>
      <c r="MBH25" s="6"/>
      <c r="MBI25" s="6"/>
      <c r="MBJ25" s="6"/>
      <c r="MBK25" s="6"/>
      <c r="MBL25" s="6"/>
      <c r="MBM25" s="6"/>
      <c r="MBN25" s="6"/>
      <c r="MBO25" s="6"/>
      <c r="MBP25" s="6"/>
      <c r="MBQ25" s="6"/>
      <c r="MBR25" s="6"/>
      <c r="MBS25" s="6"/>
      <c r="MBT25" s="6"/>
      <c r="MBU25" s="6"/>
      <c r="MBV25" s="6"/>
      <c r="MBW25" s="6"/>
      <c r="MBX25" s="6"/>
      <c r="MBY25" s="6"/>
      <c r="MBZ25" s="6"/>
      <c r="MCA25" s="6"/>
      <c r="MCB25" s="6"/>
      <c r="MCC25" s="6"/>
      <c r="MCD25" s="6"/>
      <c r="MCE25" s="6"/>
      <c r="MCF25" s="6"/>
      <c r="MCG25" s="6"/>
      <c r="MCH25" s="6"/>
      <c r="MCI25" s="6"/>
      <c r="MCJ25" s="6"/>
      <c r="MCK25" s="6"/>
      <c r="MCL25" s="6"/>
      <c r="MCM25" s="6"/>
      <c r="MCN25" s="6"/>
      <c r="MCO25" s="6"/>
      <c r="MCP25" s="6"/>
      <c r="MCQ25" s="6"/>
      <c r="MCR25" s="6"/>
      <c r="MCS25" s="6"/>
      <c r="MCT25" s="6"/>
      <c r="MCU25" s="6"/>
      <c r="MCV25" s="6"/>
      <c r="MCW25" s="6"/>
      <c r="MCX25" s="6"/>
      <c r="MCY25" s="6"/>
      <c r="MCZ25" s="6"/>
      <c r="MDA25" s="6"/>
      <c r="MDB25" s="6"/>
      <c r="MDC25" s="6"/>
      <c r="MDD25" s="6"/>
      <c r="MDE25" s="6"/>
      <c r="MDF25" s="6"/>
      <c r="MDG25" s="6"/>
      <c r="MDH25" s="6"/>
      <c r="MDI25" s="6"/>
      <c r="MDJ25" s="6"/>
      <c r="MDK25" s="6"/>
      <c r="MDL25" s="6"/>
      <c r="MDM25" s="6"/>
      <c r="MDN25" s="6"/>
      <c r="MDO25" s="6"/>
      <c r="MDP25" s="6"/>
      <c r="MDQ25" s="6"/>
      <c r="MDR25" s="6"/>
      <c r="MDS25" s="6"/>
      <c r="MDT25" s="6"/>
      <c r="MDU25" s="6"/>
      <c r="MDV25" s="6"/>
      <c r="MDW25" s="6"/>
      <c r="MDX25" s="6"/>
      <c r="MDY25" s="6"/>
      <c r="MDZ25" s="6"/>
      <c r="MEA25" s="6"/>
      <c r="MEB25" s="6"/>
      <c r="MEC25" s="6"/>
      <c r="MED25" s="6"/>
      <c r="MEE25" s="6"/>
      <c r="MEF25" s="6"/>
      <c r="MEG25" s="6"/>
      <c r="MEH25" s="6"/>
      <c r="MEI25" s="6"/>
      <c r="MEJ25" s="6"/>
      <c r="MEK25" s="6"/>
      <c r="MEL25" s="6"/>
      <c r="MEM25" s="6"/>
      <c r="MEN25" s="6"/>
      <c r="MEO25" s="6"/>
      <c r="MEP25" s="6"/>
      <c r="MEQ25" s="6"/>
      <c r="MER25" s="6"/>
      <c r="MES25" s="6"/>
      <c r="MET25" s="6"/>
      <c r="MEU25" s="6"/>
      <c r="MEV25" s="6"/>
      <c r="MEW25" s="6"/>
      <c r="MEX25" s="6"/>
      <c r="MEY25" s="6"/>
      <c r="MEZ25" s="6"/>
      <c r="MFA25" s="6"/>
      <c r="MFB25" s="6"/>
      <c r="MFC25" s="6"/>
      <c r="MFD25" s="6"/>
      <c r="MFE25" s="6"/>
      <c r="MFF25" s="6"/>
      <c r="MFG25" s="6"/>
      <c r="MFH25" s="6"/>
      <c r="MFI25" s="6"/>
      <c r="MFJ25" s="6"/>
      <c r="MFK25" s="6"/>
      <c r="MFL25" s="6"/>
      <c r="MFM25" s="6"/>
      <c r="MFN25" s="6"/>
      <c r="MFO25" s="6"/>
      <c r="MFP25" s="6"/>
      <c r="MFQ25" s="6"/>
      <c r="MFR25" s="6"/>
      <c r="MFS25" s="6"/>
      <c r="MFT25" s="6"/>
      <c r="MFU25" s="6"/>
      <c r="MFV25" s="6"/>
      <c r="MFW25" s="6"/>
      <c r="MFX25" s="6"/>
      <c r="MFY25" s="6"/>
      <c r="MFZ25" s="6"/>
      <c r="MGA25" s="6"/>
      <c r="MGB25" s="6"/>
      <c r="MGC25" s="6"/>
      <c r="MGD25" s="6"/>
      <c r="MGE25" s="6"/>
      <c r="MGF25" s="6"/>
      <c r="MGG25" s="6"/>
      <c r="MGH25" s="6"/>
      <c r="MGI25" s="6"/>
      <c r="MGJ25" s="6"/>
      <c r="MGK25" s="6"/>
      <c r="MGL25" s="6"/>
      <c r="MGM25" s="6"/>
      <c r="MGN25" s="6"/>
      <c r="MGO25" s="6"/>
      <c r="MGP25" s="6"/>
      <c r="MGQ25" s="6"/>
      <c r="MGR25" s="6"/>
      <c r="MGS25" s="6"/>
      <c r="MGT25" s="6"/>
      <c r="MGU25" s="6"/>
      <c r="MGV25" s="6"/>
      <c r="MGW25" s="6"/>
      <c r="MGX25" s="6"/>
      <c r="MGY25" s="6"/>
      <c r="MGZ25" s="6"/>
      <c r="MHA25" s="6"/>
      <c r="MHB25" s="6"/>
      <c r="MHC25" s="6"/>
      <c r="MHD25" s="6"/>
      <c r="MHE25" s="6"/>
      <c r="MHF25" s="6"/>
      <c r="MHG25" s="6"/>
      <c r="MHH25" s="6"/>
      <c r="MHI25" s="6"/>
      <c r="MHJ25" s="6"/>
      <c r="MHK25" s="6"/>
      <c r="MHL25" s="6"/>
      <c r="MHM25" s="6"/>
      <c r="MHN25" s="6"/>
      <c r="MHO25" s="6"/>
      <c r="MHP25" s="6"/>
      <c r="MHQ25" s="6"/>
      <c r="MHR25" s="6"/>
      <c r="MHS25" s="6"/>
      <c r="MHT25" s="6"/>
      <c r="MHU25" s="6"/>
      <c r="MHV25" s="6"/>
      <c r="MHW25" s="6"/>
      <c r="MHX25" s="6"/>
      <c r="MHY25" s="6"/>
      <c r="MHZ25" s="6"/>
      <c r="MIA25" s="6"/>
      <c r="MIB25" s="6"/>
      <c r="MIC25" s="6"/>
      <c r="MID25" s="6"/>
      <c r="MIE25" s="6"/>
      <c r="MIF25" s="6"/>
      <c r="MIG25" s="6"/>
      <c r="MIH25" s="6"/>
      <c r="MII25" s="6"/>
      <c r="MIJ25" s="6"/>
      <c r="MIK25" s="6"/>
      <c r="MIL25" s="6"/>
      <c r="MIM25" s="6"/>
      <c r="MIN25" s="6"/>
      <c r="MIO25" s="6"/>
      <c r="MIP25" s="6"/>
      <c r="MIQ25" s="6"/>
      <c r="MIR25" s="6"/>
      <c r="MIS25" s="6"/>
      <c r="MIT25" s="6"/>
      <c r="MIU25" s="6"/>
      <c r="MIV25" s="6"/>
      <c r="MIW25" s="6"/>
      <c r="MIX25" s="6"/>
      <c r="MIY25" s="6"/>
      <c r="MIZ25" s="6"/>
      <c r="MJA25" s="6"/>
      <c r="MJB25" s="6"/>
      <c r="MJC25" s="6"/>
      <c r="MJD25" s="6"/>
      <c r="MJE25" s="6"/>
      <c r="MJF25" s="6"/>
      <c r="MJG25" s="6"/>
      <c r="MJH25" s="6"/>
      <c r="MJI25" s="6"/>
      <c r="MJJ25" s="6"/>
      <c r="MJK25" s="6"/>
      <c r="MJL25" s="6"/>
      <c r="MJM25" s="6"/>
      <c r="MJN25" s="6"/>
      <c r="MJO25" s="6"/>
      <c r="MJP25" s="6"/>
      <c r="MJQ25" s="6"/>
      <c r="MJR25" s="6"/>
      <c r="MJS25" s="6"/>
      <c r="MJT25" s="6"/>
      <c r="MJU25" s="6"/>
      <c r="MJV25" s="6"/>
      <c r="MJW25" s="6"/>
      <c r="MJX25" s="6"/>
      <c r="MJY25" s="6"/>
      <c r="MJZ25" s="6"/>
      <c r="MKA25" s="6"/>
      <c r="MKB25" s="6"/>
      <c r="MKC25" s="6"/>
      <c r="MKD25" s="6"/>
      <c r="MKE25" s="6"/>
      <c r="MKF25" s="6"/>
      <c r="MKG25" s="6"/>
      <c r="MKH25" s="6"/>
      <c r="MKI25" s="6"/>
      <c r="MKJ25" s="6"/>
      <c r="MKK25" s="6"/>
      <c r="MKL25" s="6"/>
      <c r="MKM25" s="6"/>
      <c r="MKN25" s="6"/>
      <c r="MKO25" s="6"/>
      <c r="MKP25" s="6"/>
      <c r="MKQ25" s="6"/>
      <c r="MKR25" s="6"/>
      <c r="MKS25" s="6"/>
      <c r="MKT25" s="6"/>
      <c r="MKU25" s="6"/>
      <c r="MKV25" s="6"/>
      <c r="MKW25" s="6"/>
      <c r="MKX25" s="6"/>
      <c r="MKY25" s="6"/>
      <c r="MKZ25" s="6"/>
      <c r="MLA25" s="6"/>
      <c r="MLB25" s="6"/>
      <c r="MLC25" s="6"/>
      <c r="MLD25" s="6"/>
      <c r="MLE25" s="6"/>
      <c r="MLF25" s="6"/>
      <c r="MLG25" s="6"/>
      <c r="MLH25" s="6"/>
      <c r="MLI25" s="6"/>
      <c r="MLJ25" s="6"/>
      <c r="MLK25" s="6"/>
      <c r="MLL25" s="6"/>
      <c r="MLM25" s="6"/>
      <c r="MLN25" s="6"/>
      <c r="MLO25" s="6"/>
      <c r="MLP25" s="6"/>
      <c r="MLQ25" s="6"/>
      <c r="MLR25" s="6"/>
      <c r="MLS25" s="6"/>
      <c r="MLT25" s="6"/>
      <c r="MLU25" s="6"/>
      <c r="MLV25" s="6"/>
      <c r="MLW25" s="6"/>
      <c r="MLX25" s="6"/>
      <c r="MLY25" s="6"/>
      <c r="MLZ25" s="6"/>
      <c r="MMA25" s="6"/>
      <c r="MMB25" s="6"/>
      <c r="MMC25" s="6"/>
      <c r="MMD25" s="6"/>
      <c r="MME25" s="6"/>
      <c r="MMF25" s="6"/>
      <c r="MMG25" s="6"/>
      <c r="MMH25" s="6"/>
      <c r="MMI25" s="6"/>
      <c r="MMJ25" s="6"/>
      <c r="MMK25" s="6"/>
      <c r="MML25" s="6"/>
      <c r="MMM25" s="6"/>
      <c r="MMN25" s="6"/>
      <c r="MMO25" s="6"/>
      <c r="MMP25" s="6"/>
      <c r="MMQ25" s="6"/>
      <c r="MMR25" s="6"/>
      <c r="MMS25" s="6"/>
      <c r="MMT25" s="6"/>
      <c r="MMU25" s="6"/>
      <c r="MMV25" s="6"/>
      <c r="MMW25" s="6"/>
      <c r="MMX25" s="6"/>
      <c r="MMY25" s="6"/>
      <c r="MMZ25" s="6"/>
      <c r="MNA25" s="6"/>
      <c r="MNB25" s="6"/>
      <c r="MNC25" s="6"/>
      <c r="MND25" s="6"/>
      <c r="MNE25" s="6"/>
      <c r="MNF25" s="6"/>
      <c r="MNG25" s="6"/>
      <c r="MNH25" s="6"/>
      <c r="MNI25" s="6"/>
      <c r="MNJ25" s="6"/>
      <c r="MNK25" s="6"/>
      <c r="MNL25" s="6"/>
      <c r="MNM25" s="6"/>
      <c r="MNN25" s="6"/>
      <c r="MNO25" s="6"/>
      <c r="MNP25" s="6"/>
      <c r="MNQ25" s="6"/>
      <c r="MNR25" s="6"/>
      <c r="MNS25" s="6"/>
      <c r="MNT25" s="6"/>
      <c r="MNU25" s="6"/>
      <c r="MNV25" s="6"/>
      <c r="MNW25" s="6"/>
      <c r="MNX25" s="6"/>
      <c r="MNY25" s="6"/>
      <c r="MNZ25" s="6"/>
      <c r="MOA25" s="6"/>
      <c r="MOB25" s="6"/>
      <c r="MOC25" s="6"/>
      <c r="MOD25" s="6"/>
      <c r="MOE25" s="6"/>
      <c r="MOF25" s="6"/>
      <c r="MOG25" s="6"/>
      <c r="MOH25" s="6"/>
      <c r="MOI25" s="6"/>
      <c r="MOJ25" s="6"/>
      <c r="MOK25" s="6"/>
      <c r="MOL25" s="6"/>
      <c r="MOM25" s="6"/>
      <c r="MON25" s="6"/>
      <c r="MOO25" s="6"/>
      <c r="MOP25" s="6"/>
      <c r="MOQ25" s="6"/>
      <c r="MOR25" s="6"/>
      <c r="MOS25" s="6"/>
      <c r="MOT25" s="6"/>
      <c r="MOU25" s="6"/>
      <c r="MOV25" s="6"/>
      <c r="MOW25" s="6"/>
      <c r="MOX25" s="6"/>
      <c r="MOY25" s="6"/>
      <c r="MOZ25" s="6"/>
      <c r="MPA25" s="6"/>
      <c r="MPB25" s="6"/>
      <c r="MPC25" s="6"/>
      <c r="MPD25" s="6"/>
      <c r="MPE25" s="6"/>
      <c r="MPF25" s="6"/>
      <c r="MPG25" s="6"/>
      <c r="MPH25" s="6"/>
      <c r="MPI25" s="6"/>
      <c r="MPJ25" s="6"/>
      <c r="MPK25" s="6"/>
      <c r="MPL25" s="6"/>
      <c r="MPM25" s="6"/>
      <c r="MPN25" s="6"/>
      <c r="MPO25" s="6"/>
      <c r="MPP25" s="6"/>
      <c r="MPQ25" s="6"/>
      <c r="MPR25" s="6"/>
      <c r="MPS25" s="6"/>
      <c r="MPT25" s="6"/>
      <c r="MPU25" s="6"/>
      <c r="MPV25" s="6"/>
      <c r="MPW25" s="6"/>
      <c r="MPX25" s="6"/>
      <c r="MPY25" s="6"/>
      <c r="MPZ25" s="6"/>
      <c r="MQA25" s="6"/>
      <c r="MQB25" s="6"/>
      <c r="MQC25" s="6"/>
      <c r="MQD25" s="6"/>
      <c r="MQE25" s="6"/>
      <c r="MQF25" s="6"/>
      <c r="MQG25" s="6"/>
      <c r="MQH25" s="6"/>
      <c r="MQI25" s="6"/>
      <c r="MQJ25" s="6"/>
      <c r="MQK25" s="6"/>
      <c r="MQL25" s="6"/>
      <c r="MQM25" s="6"/>
      <c r="MQN25" s="6"/>
      <c r="MQO25" s="6"/>
      <c r="MQP25" s="6"/>
      <c r="MQQ25" s="6"/>
      <c r="MQR25" s="6"/>
      <c r="MQS25" s="6"/>
      <c r="MQT25" s="6"/>
      <c r="MQU25" s="6"/>
      <c r="MQV25" s="6"/>
      <c r="MQW25" s="6"/>
      <c r="MQX25" s="6"/>
      <c r="MQY25" s="6"/>
      <c r="MQZ25" s="6"/>
      <c r="MRA25" s="6"/>
      <c r="MRB25" s="6"/>
      <c r="MRC25" s="6"/>
      <c r="MRD25" s="6"/>
      <c r="MRE25" s="6"/>
      <c r="MRF25" s="6"/>
      <c r="MRG25" s="6"/>
      <c r="MRH25" s="6"/>
      <c r="MRI25" s="6"/>
      <c r="MRJ25" s="6"/>
      <c r="MRK25" s="6"/>
      <c r="MRL25" s="6"/>
      <c r="MRM25" s="6"/>
      <c r="MRN25" s="6"/>
      <c r="MRO25" s="6"/>
      <c r="MRP25" s="6"/>
      <c r="MRQ25" s="6"/>
      <c r="MRR25" s="6"/>
      <c r="MRS25" s="6"/>
      <c r="MRT25" s="6"/>
      <c r="MRU25" s="6"/>
      <c r="MRV25" s="6"/>
      <c r="MRW25" s="6"/>
      <c r="MRX25" s="6"/>
      <c r="MRY25" s="6"/>
      <c r="MRZ25" s="6"/>
      <c r="MSA25" s="6"/>
      <c r="MSB25" s="6"/>
      <c r="MSC25" s="6"/>
      <c r="MSD25" s="6"/>
      <c r="MSE25" s="6"/>
      <c r="MSF25" s="6"/>
      <c r="MSG25" s="6"/>
      <c r="MSH25" s="6"/>
      <c r="MSI25" s="6"/>
      <c r="MSJ25" s="6"/>
      <c r="MSK25" s="6"/>
      <c r="MSL25" s="6"/>
      <c r="MSM25" s="6"/>
      <c r="MSN25" s="6"/>
      <c r="MSO25" s="6"/>
      <c r="MSP25" s="6"/>
      <c r="MSQ25" s="6"/>
      <c r="MSR25" s="6"/>
      <c r="MSS25" s="6"/>
      <c r="MST25" s="6"/>
      <c r="MSU25" s="6"/>
      <c r="MSV25" s="6"/>
      <c r="MSW25" s="6"/>
      <c r="MSX25" s="6"/>
      <c r="MSY25" s="6"/>
      <c r="MSZ25" s="6"/>
      <c r="MTA25" s="6"/>
      <c r="MTB25" s="6"/>
      <c r="MTC25" s="6"/>
      <c r="MTD25" s="6"/>
      <c r="MTE25" s="6"/>
      <c r="MTF25" s="6"/>
      <c r="MTG25" s="6"/>
      <c r="MTH25" s="6"/>
      <c r="MTI25" s="6"/>
      <c r="MTJ25" s="6"/>
      <c r="MTK25" s="6"/>
      <c r="MTL25" s="6"/>
      <c r="MTM25" s="6"/>
      <c r="MTN25" s="6"/>
      <c r="MTO25" s="6"/>
      <c r="MTP25" s="6"/>
      <c r="MTQ25" s="6"/>
      <c r="MTR25" s="6"/>
      <c r="MTS25" s="6"/>
      <c r="MTT25" s="6"/>
      <c r="MTU25" s="6"/>
      <c r="MTV25" s="6"/>
      <c r="MTW25" s="6"/>
      <c r="MTX25" s="6"/>
      <c r="MTY25" s="6"/>
      <c r="MTZ25" s="6"/>
      <c r="MUA25" s="6"/>
      <c r="MUB25" s="6"/>
      <c r="MUC25" s="6"/>
      <c r="MUD25" s="6"/>
      <c r="MUE25" s="6"/>
      <c r="MUF25" s="6"/>
      <c r="MUG25" s="6"/>
      <c r="MUH25" s="6"/>
      <c r="MUI25" s="6"/>
      <c r="MUJ25" s="6"/>
      <c r="MUK25" s="6"/>
      <c r="MUL25" s="6"/>
      <c r="MUM25" s="6"/>
      <c r="MUN25" s="6"/>
      <c r="MUO25" s="6"/>
      <c r="MUP25" s="6"/>
      <c r="MUQ25" s="6"/>
      <c r="MUR25" s="6"/>
      <c r="MUS25" s="6"/>
      <c r="MUT25" s="6"/>
      <c r="MUU25" s="6"/>
      <c r="MUV25" s="6"/>
      <c r="MUW25" s="6"/>
      <c r="MUX25" s="6"/>
      <c r="MUY25" s="6"/>
      <c r="MUZ25" s="6"/>
      <c r="MVA25" s="6"/>
      <c r="MVB25" s="6"/>
      <c r="MVC25" s="6"/>
      <c r="MVD25" s="6"/>
      <c r="MVE25" s="6"/>
      <c r="MVF25" s="6"/>
      <c r="MVG25" s="6"/>
      <c r="MVH25" s="6"/>
      <c r="MVI25" s="6"/>
      <c r="MVJ25" s="6"/>
      <c r="MVK25" s="6"/>
      <c r="MVL25" s="6"/>
      <c r="MVM25" s="6"/>
      <c r="MVN25" s="6"/>
      <c r="MVO25" s="6"/>
      <c r="MVP25" s="6"/>
      <c r="MVQ25" s="6"/>
      <c r="MVR25" s="6"/>
      <c r="MVS25" s="6"/>
      <c r="MVT25" s="6"/>
      <c r="MVU25" s="6"/>
      <c r="MVV25" s="6"/>
      <c r="MVW25" s="6"/>
      <c r="MVX25" s="6"/>
      <c r="MVY25" s="6"/>
      <c r="MVZ25" s="6"/>
      <c r="MWA25" s="6"/>
      <c r="MWB25" s="6"/>
      <c r="MWC25" s="6"/>
      <c r="MWD25" s="6"/>
      <c r="MWE25" s="6"/>
      <c r="MWF25" s="6"/>
      <c r="MWG25" s="6"/>
      <c r="MWH25" s="6"/>
      <c r="MWI25" s="6"/>
      <c r="MWJ25" s="6"/>
      <c r="MWK25" s="6"/>
      <c r="MWL25" s="6"/>
      <c r="MWM25" s="6"/>
      <c r="MWN25" s="6"/>
      <c r="MWO25" s="6"/>
      <c r="MWP25" s="6"/>
      <c r="MWQ25" s="6"/>
      <c r="MWR25" s="6"/>
      <c r="MWS25" s="6"/>
      <c r="MWT25" s="6"/>
      <c r="MWU25" s="6"/>
      <c r="MWV25" s="6"/>
      <c r="MWW25" s="6"/>
      <c r="MWX25" s="6"/>
      <c r="MWY25" s="6"/>
      <c r="MWZ25" s="6"/>
      <c r="MXA25" s="6"/>
      <c r="MXB25" s="6"/>
      <c r="MXC25" s="6"/>
      <c r="MXD25" s="6"/>
      <c r="MXE25" s="6"/>
      <c r="MXF25" s="6"/>
      <c r="MXG25" s="6"/>
      <c r="MXH25" s="6"/>
      <c r="MXI25" s="6"/>
      <c r="MXJ25" s="6"/>
      <c r="MXK25" s="6"/>
      <c r="MXL25" s="6"/>
      <c r="MXM25" s="6"/>
      <c r="MXN25" s="6"/>
      <c r="MXO25" s="6"/>
      <c r="MXP25" s="6"/>
      <c r="MXQ25" s="6"/>
      <c r="MXR25" s="6"/>
      <c r="MXS25" s="6"/>
      <c r="MXT25" s="6"/>
      <c r="MXU25" s="6"/>
      <c r="MXV25" s="6"/>
      <c r="MXW25" s="6"/>
      <c r="MXX25" s="6"/>
      <c r="MXY25" s="6"/>
      <c r="MXZ25" s="6"/>
      <c r="MYA25" s="6"/>
      <c r="MYB25" s="6"/>
      <c r="MYC25" s="6"/>
      <c r="MYD25" s="6"/>
      <c r="MYE25" s="6"/>
      <c r="MYF25" s="6"/>
      <c r="MYG25" s="6"/>
      <c r="MYH25" s="6"/>
      <c r="MYI25" s="6"/>
      <c r="MYJ25" s="6"/>
      <c r="MYK25" s="6"/>
      <c r="MYL25" s="6"/>
      <c r="MYM25" s="6"/>
      <c r="MYN25" s="6"/>
      <c r="MYO25" s="6"/>
      <c r="MYP25" s="6"/>
      <c r="MYQ25" s="6"/>
      <c r="MYR25" s="6"/>
      <c r="MYS25" s="6"/>
      <c r="MYT25" s="6"/>
      <c r="MYU25" s="6"/>
      <c r="MYV25" s="6"/>
      <c r="MYW25" s="6"/>
      <c r="MYX25" s="6"/>
      <c r="MYY25" s="6"/>
      <c r="MYZ25" s="6"/>
      <c r="MZA25" s="6"/>
      <c r="MZB25" s="6"/>
      <c r="MZC25" s="6"/>
      <c r="MZD25" s="6"/>
      <c r="MZE25" s="6"/>
      <c r="MZF25" s="6"/>
      <c r="MZG25" s="6"/>
      <c r="MZH25" s="6"/>
      <c r="MZI25" s="6"/>
      <c r="MZJ25" s="6"/>
      <c r="MZK25" s="6"/>
      <c r="MZL25" s="6"/>
      <c r="MZM25" s="6"/>
      <c r="MZN25" s="6"/>
      <c r="MZO25" s="6"/>
      <c r="MZP25" s="6"/>
      <c r="MZQ25" s="6"/>
      <c r="MZR25" s="6"/>
      <c r="MZS25" s="6"/>
      <c r="MZT25" s="6"/>
      <c r="MZU25" s="6"/>
      <c r="MZV25" s="6"/>
      <c r="MZW25" s="6"/>
      <c r="MZX25" s="6"/>
      <c r="MZY25" s="6"/>
      <c r="MZZ25" s="6"/>
      <c r="NAA25" s="6"/>
      <c r="NAB25" s="6"/>
      <c r="NAC25" s="6"/>
      <c r="NAD25" s="6"/>
      <c r="NAE25" s="6"/>
      <c r="NAF25" s="6"/>
      <c r="NAG25" s="6"/>
      <c r="NAH25" s="6"/>
      <c r="NAI25" s="6"/>
      <c r="NAJ25" s="6"/>
      <c r="NAK25" s="6"/>
      <c r="NAL25" s="6"/>
      <c r="NAM25" s="6"/>
      <c r="NAN25" s="6"/>
      <c r="NAO25" s="6"/>
      <c r="NAP25" s="6"/>
      <c r="NAQ25" s="6"/>
      <c r="NAR25" s="6"/>
      <c r="NAS25" s="6"/>
      <c r="NAT25" s="6"/>
      <c r="NAU25" s="6"/>
      <c r="NAV25" s="6"/>
      <c r="NAW25" s="6"/>
      <c r="NAX25" s="6"/>
      <c r="NAY25" s="6"/>
      <c r="NAZ25" s="6"/>
      <c r="NBA25" s="6"/>
      <c r="NBB25" s="6"/>
      <c r="NBC25" s="6"/>
      <c r="NBD25" s="6"/>
      <c r="NBE25" s="6"/>
      <c r="NBF25" s="6"/>
      <c r="NBG25" s="6"/>
      <c r="NBH25" s="6"/>
      <c r="NBI25" s="6"/>
      <c r="NBJ25" s="6"/>
      <c r="NBK25" s="6"/>
      <c r="NBL25" s="6"/>
      <c r="NBM25" s="6"/>
      <c r="NBN25" s="6"/>
      <c r="NBO25" s="6"/>
      <c r="NBP25" s="6"/>
      <c r="NBQ25" s="6"/>
      <c r="NBR25" s="6"/>
      <c r="NBS25" s="6"/>
      <c r="NBT25" s="6"/>
      <c r="NBU25" s="6"/>
      <c r="NBV25" s="6"/>
      <c r="NBW25" s="6"/>
      <c r="NBX25" s="6"/>
      <c r="NBY25" s="6"/>
      <c r="NBZ25" s="6"/>
      <c r="NCA25" s="6"/>
      <c r="NCB25" s="6"/>
      <c r="NCC25" s="6"/>
      <c r="NCD25" s="6"/>
      <c r="NCE25" s="6"/>
      <c r="NCF25" s="6"/>
      <c r="NCG25" s="6"/>
      <c r="NCH25" s="6"/>
      <c r="NCI25" s="6"/>
      <c r="NCJ25" s="6"/>
      <c r="NCK25" s="6"/>
      <c r="NCL25" s="6"/>
      <c r="NCM25" s="6"/>
      <c r="NCN25" s="6"/>
      <c r="NCO25" s="6"/>
      <c r="NCP25" s="6"/>
      <c r="NCQ25" s="6"/>
      <c r="NCR25" s="6"/>
      <c r="NCS25" s="6"/>
      <c r="NCT25" s="6"/>
      <c r="NCU25" s="6"/>
      <c r="NCV25" s="6"/>
      <c r="NCW25" s="6"/>
      <c r="NCX25" s="6"/>
      <c r="NCY25" s="6"/>
      <c r="NCZ25" s="6"/>
      <c r="NDA25" s="6"/>
      <c r="NDB25" s="6"/>
      <c r="NDC25" s="6"/>
      <c r="NDD25" s="6"/>
      <c r="NDE25" s="6"/>
      <c r="NDF25" s="6"/>
      <c r="NDG25" s="6"/>
      <c r="NDH25" s="6"/>
      <c r="NDI25" s="6"/>
      <c r="NDJ25" s="6"/>
      <c r="NDK25" s="6"/>
      <c r="NDL25" s="6"/>
      <c r="NDM25" s="6"/>
      <c r="NDN25" s="6"/>
      <c r="NDO25" s="6"/>
      <c r="NDP25" s="6"/>
      <c r="NDQ25" s="6"/>
      <c r="NDR25" s="6"/>
      <c r="NDS25" s="6"/>
      <c r="NDT25" s="6"/>
      <c r="NDU25" s="6"/>
      <c r="NDV25" s="6"/>
      <c r="NDW25" s="6"/>
      <c r="NDX25" s="6"/>
      <c r="NDY25" s="6"/>
      <c r="NDZ25" s="6"/>
      <c r="NEA25" s="6"/>
      <c r="NEB25" s="6"/>
      <c r="NEC25" s="6"/>
      <c r="NED25" s="6"/>
      <c r="NEE25" s="6"/>
      <c r="NEF25" s="6"/>
      <c r="NEG25" s="6"/>
      <c r="NEH25" s="6"/>
      <c r="NEI25" s="6"/>
      <c r="NEJ25" s="6"/>
      <c r="NEK25" s="6"/>
      <c r="NEL25" s="6"/>
      <c r="NEM25" s="6"/>
      <c r="NEN25" s="6"/>
      <c r="NEO25" s="6"/>
      <c r="NEP25" s="6"/>
      <c r="NEQ25" s="6"/>
      <c r="NER25" s="6"/>
      <c r="NES25" s="6"/>
      <c r="NET25" s="6"/>
      <c r="NEU25" s="6"/>
      <c r="NEV25" s="6"/>
      <c r="NEW25" s="6"/>
      <c r="NEX25" s="6"/>
      <c r="NEY25" s="6"/>
      <c r="NEZ25" s="6"/>
      <c r="NFA25" s="6"/>
      <c r="NFB25" s="6"/>
      <c r="NFC25" s="6"/>
      <c r="NFD25" s="6"/>
      <c r="NFE25" s="6"/>
      <c r="NFF25" s="6"/>
      <c r="NFG25" s="6"/>
      <c r="NFH25" s="6"/>
      <c r="NFI25" s="6"/>
      <c r="NFJ25" s="6"/>
      <c r="NFK25" s="6"/>
      <c r="NFL25" s="6"/>
      <c r="NFM25" s="6"/>
      <c r="NFN25" s="6"/>
      <c r="NFO25" s="6"/>
      <c r="NFP25" s="6"/>
      <c r="NFQ25" s="6"/>
      <c r="NFR25" s="6"/>
      <c r="NFS25" s="6"/>
      <c r="NFT25" s="6"/>
      <c r="NFU25" s="6"/>
      <c r="NFV25" s="6"/>
      <c r="NFW25" s="6"/>
      <c r="NFX25" s="6"/>
      <c r="NFY25" s="6"/>
      <c r="NFZ25" s="6"/>
      <c r="NGA25" s="6"/>
      <c r="NGB25" s="6"/>
      <c r="NGC25" s="6"/>
      <c r="NGD25" s="6"/>
      <c r="NGE25" s="6"/>
      <c r="NGF25" s="6"/>
      <c r="NGG25" s="6"/>
      <c r="NGH25" s="6"/>
      <c r="NGI25" s="6"/>
      <c r="NGJ25" s="6"/>
      <c r="NGK25" s="6"/>
      <c r="NGL25" s="6"/>
      <c r="NGM25" s="6"/>
      <c r="NGN25" s="6"/>
      <c r="NGO25" s="6"/>
      <c r="NGP25" s="6"/>
      <c r="NGQ25" s="6"/>
      <c r="NGR25" s="6"/>
      <c r="NGS25" s="6"/>
      <c r="NGT25" s="6"/>
      <c r="NGU25" s="6"/>
      <c r="NGV25" s="6"/>
      <c r="NGW25" s="6"/>
      <c r="NGX25" s="6"/>
      <c r="NGY25" s="6"/>
      <c r="NGZ25" s="6"/>
      <c r="NHA25" s="6"/>
      <c r="NHB25" s="6"/>
      <c r="NHC25" s="6"/>
      <c r="NHD25" s="6"/>
      <c r="NHE25" s="6"/>
      <c r="NHF25" s="6"/>
      <c r="NHG25" s="6"/>
      <c r="NHH25" s="6"/>
      <c r="NHI25" s="6"/>
      <c r="NHJ25" s="6"/>
      <c r="NHK25" s="6"/>
      <c r="NHL25" s="6"/>
      <c r="NHM25" s="6"/>
      <c r="NHN25" s="6"/>
      <c r="NHO25" s="6"/>
      <c r="NHP25" s="6"/>
      <c r="NHQ25" s="6"/>
      <c r="NHR25" s="6"/>
      <c r="NHS25" s="6"/>
      <c r="NHT25" s="6"/>
      <c r="NHU25" s="6"/>
      <c r="NHV25" s="6"/>
      <c r="NHW25" s="6"/>
      <c r="NHX25" s="6"/>
      <c r="NHY25" s="6"/>
      <c r="NHZ25" s="6"/>
      <c r="NIA25" s="6"/>
      <c r="NIB25" s="6"/>
      <c r="NIC25" s="6"/>
      <c r="NID25" s="6"/>
      <c r="NIE25" s="6"/>
      <c r="NIF25" s="6"/>
      <c r="NIG25" s="6"/>
      <c r="NIH25" s="6"/>
      <c r="NII25" s="6"/>
      <c r="NIJ25" s="6"/>
      <c r="NIK25" s="6"/>
      <c r="NIL25" s="6"/>
      <c r="NIM25" s="6"/>
      <c r="NIN25" s="6"/>
      <c r="NIO25" s="6"/>
      <c r="NIP25" s="6"/>
      <c r="NIQ25" s="6"/>
      <c r="NIR25" s="6"/>
      <c r="NIS25" s="6"/>
      <c r="NIT25" s="6"/>
      <c r="NIU25" s="6"/>
      <c r="NIV25" s="6"/>
      <c r="NIW25" s="6"/>
      <c r="NIX25" s="6"/>
      <c r="NIY25" s="6"/>
      <c r="NIZ25" s="6"/>
      <c r="NJA25" s="6"/>
      <c r="NJB25" s="6"/>
      <c r="NJC25" s="6"/>
      <c r="NJD25" s="6"/>
      <c r="NJE25" s="6"/>
      <c r="NJF25" s="6"/>
      <c r="NJG25" s="6"/>
      <c r="NJH25" s="6"/>
      <c r="NJI25" s="6"/>
      <c r="NJJ25" s="6"/>
      <c r="NJK25" s="6"/>
      <c r="NJL25" s="6"/>
      <c r="NJM25" s="6"/>
      <c r="NJN25" s="6"/>
      <c r="NJO25" s="6"/>
      <c r="NJP25" s="6"/>
      <c r="NJQ25" s="6"/>
      <c r="NJR25" s="6"/>
      <c r="NJS25" s="6"/>
      <c r="NJT25" s="6"/>
      <c r="NJU25" s="6"/>
      <c r="NJV25" s="6"/>
      <c r="NJW25" s="6"/>
      <c r="NJX25" s="6"/>
      <c r="NJY25" s="6"/>
      <c r="NJZ25" s="6"/>
      <c r="NKA25" s="6"/>
      <c r="NKB25" s="6"/>
      <c r="NKC25" s="6"/>
      <c r="NKD25" s="6"/>
      <c r="NKE25" s="6"/>
      <c r="NKF25" s="6"/>
      <c r="NKG25" s="6"/>
      <c r="NKH25" s="6"/>
      <c r="NKI25" s="6"/>
      <c r="NKJ25" s="6"/>
      <c r="NKK25" s="6"/>
      <c r="NKL25" s="6"/>
      <c r="NKM25" s="6"/>
      <c r="NKN25" s="6"/>
      <c r="NKO25" s="6"/>
      <c r="NKP25" s="6"/>
      <c r="NKQ25" s="6"/>
      <c r="NKR25" s="6"/>
      <c r="NKS25" s="6"/>
      <c r="NKT25" s="6"/>
      <c r="NKU25" s="6"/>
      <c r="NKV25" s="6"/>
      <c r="NKW25" s="6"/>
      <c r="NKX25" s="6"/>
      <c r="NKY25" s="6"/>
      <c r="NKZ25" s="6"/>
      <c r="NLA25" s="6"/>
      <c r="NLB25" s="6"/>
      <c r="NLC25" s="6"/>
      <c r="NLD25" s="6"/>
      <c r="NLE25" s="6"/>
      <c r="NLF25" s="6"/>
      <c r="NLG25" s="6"/>
      <c r="NLH25" s="6"/>
      <c r="NLI25" s="6"/>
      <c r="NLJ25" s="6"/>
      <c r="NLK25" s="6"/>
      <c r="NLL25" s="6"/>
      <c r="NLM25" s="6"/>
      <c r="NLN25" s="6"/>
      <c r="NLO25" s="6"/>
      <c r="NLP25" s="6"/>
      <c r="NLQ25" s="6"/>
      <c r="NLR25" s="6"/>
      <c r="NLS25" s="6"/>
      <c r="NLT25" s="6"/>
      <c r="NLU25" s="6"/>
      <c r="NLV25" s="6"/>
      <c r="NLW25" s="6"/>
      <c r="NLX25" s="6"/>
      <c r="NLY25" s="6"/>
      <c r="NLZ25" s="6"/>
      <c r="NMA25" s="6"/>
      <c r="NMB25" s="6"/>
      <c r="NMC25" s="6"/>
      <c r="NMD25" s="6"/>
      <c r="NME25" s="6"/>
      <c r="NMF25" s="6"/>
      <c r="NMG25" s="6"/>
      <c r="NMH25" s="6"/>
      <c r="NMI25" s="6"/>
      <c r="NMJ25" s="6"/>
      <c r="NMK25" s="6"/>
      <c r="NML25" s="6"/>
      <c r="NMM25" s="6"/>
      <c r="NMN25" s="6"/>
      <c r="NMO25" s="6"/>
      <c r="NMP25" s="6"/>
      <c r="NMQ25" s="6"/>
      <c r="NMR25" s="6"/>
      <c r="NMS25" s="6"/>
      <c r="NMT25" s="6"/>
      <c r="NMU25" s="6"/>
      <c r="NMV25" s="6"/>
      <c r="NMW25" s="6"/>
      <c r="NMX25" s="6"/>
      <c r="NMY25" s="6"/>
      <c r="NMZ25" s="6"/>
      <c r="NNA25" s="6"/>
      <c r="NNB25" s="6"/>
      <c r="NNC25" s="6"/>
      <c r="NND25" s="6"/>
      <c r="NNE25" s="6"/>
      <c r="NNF25" s="6"/>
      <c r="NNG25" s="6"/>
      <c r="NNH25" s="6"/>
      <c r="NNI25" s="6"/>
      <c r="NNJ25" s="6"/>
      <c r="NNK25" s="6"/>
      <c r="NNL25" s="6"/>
      <c r="NNM25" s="6"/>
      <c r="NNN25" s="6"/>
      <c r="NNO25" s="6"/>
      <c r="NNP25" s="6"/>
      <c r="NNQ25" s="6"/>
      <c r="NNR25" s="6"/>
      <c r="NNS25" s="6"/>
      <c r="NNT25" s="6"/>
      <c r="NNU25" s="6"/>
      <c r="NNV25" s="6"/>
      <c r="NNW25" s="6"/>
      <c r="NNX25" s="6"/>
      <c r="NNY25" s="6"/>
      <c r="NNZ25" s="6"/>
      <c r="NOA25" s="6"/>
      <c r="NOB25" s="6"/>
      <c r="NOC25" s="6"/>
      <c r="NOD25" s="6"/>
      <c r="NOE25" s="6"/>
      <c r="NOF25" s="6"/>
      <c r="NOG25" s="6"/>
      <c r="NOH25" s="6"/>
      <c r="NOI25" s="6"/>
      <c r="NOJ25" s="6"/>
      <c r="NOK25" s="6"/>
      <c r="NOL25" s="6"/>
      <c r="NOM25" s="6"/>
      <c r="NON25" s="6"/>
      <c r="NOO25" s="6"/>
      <c r="NOP25" s="6"/>
      <c r="NOQ25" s="6"/>
      <c r="NOR25" s="6"/>
      <c r="NOS25" s="6"/>
      <c r="NOT25" s="6"/>
      <c r="NOU25" s="6"/>
      <c r="NOV25" s="6"/>
      <c r="NOW25" s="6"/>
      <c r="NOX25" s="6"/>
      <c r="NOY25" s="6"/>
      <c r="NOZ25" s="6"/>
      <c r="NPA25" s="6"/>
      <c r="NPB25" s="6"/>
      <c r="NPC25" s="6"/>
      <c r="NPD25" s="6"/>
      <c r="NPE25" s="6"/>
      <c r="NPF25" s="6"/>
      <c r="NPG25" s="6"/>
      <c r="NPH25" s="6"/>
      <c r="NPI25" s="6"/>
      <c r="NPJ25" s="6"/>
      <c r="NPK25" s="6"/>
      <c r="NPL25" s="6"/>
      <c r="NPM25" s="6"/>
      <c r="NPN25" s="6"/>
      <c r="NPO25" s="6"/>
      <c r="NPP25" s="6"/>
      <c r="NPQ25" s="6"/>
      <c r="NPR25" s="6"/>
      <c r="NPS25" s="6"/>
      <c r="NPT25" s="6"/>
      <c r="NPU25" s="6"/>
      <c r="NPV25" s="6"/>
      <c r="NPW25" s="6"/>
      <c r="NPX25" s="6"/>
      <c r="NPY25" s="6"/>
      <c r="NPZ25" s="6"/>
      <c r="NQA25" s="6"/>
      <c r="NQB25" s="6"/>
      <c r="NQC25" s="6"/>
      <c r="NQD25" s="6"/>
      <c r="NQE25" s="6"/>
      <c r="NQF25" s="6"/>
      <c r="NQG25" s="6"/>
      <c r="NQH25" s="6"/>
      <c r="NQI25" s="6"/>
      <c r="NQJ25" s="6"/>
      <c r="NQK25" s="6"/>
      <c r="NQL25" s="6"/>
      <c r="NQM25" s="6"/>
      <c r="NQN25" s="6"/>
      <c r="NQO25" s="6"/>
      <c r="NQP25" s="6"/>
      <c r="NQQ25" s="6"/>
      <c r="NQR25" s="6"/>
      <c r="NQS25" s="6"/>
      <c r="NQT25" s="6"/>
      <c r="NQU25" s="6"/>
      <c r="NQV25" s="6"/>
      <c r="NQW25" s="6"/>
      <c r="NQX25" s="6"/>
      <c r="NQY25" s="6"/>
      <c r="NQZ25" s="6"/>
      <c r="NRA25" s="6"/>
      <c r="NRB25" s="6"/>
      <c r="NRC25" s="6"/>
      <c r="NRD25" s="6"/>
      <c r="NRE25" s="6"/>
      <c r="NRF25" s="6"/>
      <c r="NRG25" s="6"/>
      <c r="NRH25" s="6"/>
      <c r="NRI25" s="6"/>
      <c r="NRJ25" s="6"/>
      <c r="NRK25" s="6"/>
      <c r="NRL25" s="6"/>
      <c r="NRM25" s="6"/>
      <c r="NRN25" s="6"/>
      <c r="NRO25" s="6"/>
      <c r="NRP25" s="6"/>
      <c r="NRQ25" s="6"/>
      <c r="NRR25" s="6"/>
      <c r="NRS25" s="6"/>
      <c r="NRT25" s="6"/>
      <c r="NRU25" s="6"/>
      <c r="NRV25" s="6"/>
      <c r="NRW25" s="6"/>
      <c r="NRX25" s="6"/>
      <c r="NRY25" s="6"/>
      <c r="NRZ25" s="6"/>
      <c r="NSA25" s="6"/>
      <c r="NSB25" s="6"/>
      <c r="NSC25" s="6"/>
      <c r="NSD25" s="6"/>
      <c r="NSE25" s="6"/>
      <c r="NSF25" s="6"/>
      <c r="NSG25" s="6"/>
      <c r="NSH25" s="6"/>
      <c r="NSI25" s="6"/>
      <c r="NSJ25" s="6"/>
      <c r="NSK25" s="6"/>
      <c r="NSL25" s="6"/>
      <c r="NSM25" s="6"/>
      <c r="NSN25" s="6"/>
      <c r="NSO25" s="6"/>
      <c r="NSP25" s="6"/>
      <c r="NSQ25" s="6"/>
      <c r="NSR25" s="6"/>
      <c r="NSS25" s="6"/>
      <c r="NST25" s="6"/>
      <c r="NSU25" s="6"/>
      <c r="NSV25" s="6"/>
      <c r="NSW25" s="6"/>
      <c r="NSX25" s="6"/>
      <c r="NSY25" s="6"/>
      <c r="NSZ25" s="6"/>
      <c r="NTA25" s="6"/>
      <c r="NTB25" s="6"/>
      <c r="NTC25" s="6"/>
      <c r="NTD25" s="6"/>
      <c r="NTE25" s="6"/>
      <c r="NTF25" s="6"/>
      <c r="NTG25" s="6"/>
      <c r="NTH25" s="6"/>
      <c r="NTI25" s="6"/>
      <c r="NTJ25" s="6"/>
      <c r="NTK25" s="6"/>
      <c r="NTL25" s="6"/>
      <c r="NTM25" s="6"/>
      <c r="NTN25" s="6"/>
      <c r="NTO25" s="6"/>
      <c r="NTP25" s="6"/>
      <c r="NTQ25" s="6"/>
      <c r="NTR25" s="6"/>
      <c r="NTS25" s="6"/>
      <c r="NTT25" s="6"/>
      <c r="NTU25" s="6"/>
      <c r="NTV25" s="6"/>
      <c r="NTW25" s="6"/>
      <c r="NTX25" s="6"/>
      <c r="NTY25" s="6"/>
      <c r="NTZ25" s="6"/>
      <c r="NUA25" s="6"/>
      <c r="NUB25" s="6"/>
      <c r="NUC25" s="6"/>
      <c r="NUD25" s="6"/>
      <c r="NUE25" s="6"/>
      <c r="NUF25" s="6"/>
      <c r="NUG25" s="6"/>
      <c r="NUH25" s="6"/>
      <c r="NUI25" s="6"/>
      <c r="NUJ25" s="6"/>
      <c r="NUK25" s="6"/>
      <c r="NUL25" s="6"/>
      <c r="NUM25" s="6"/>
      <c r="NUN25" s="6"/>
      <c r="NUO25" s="6"/>
      <c r="NUP25" s="6"/>
      <c r="NUQ25" s="6"/>
      <c r="NUR25" s="6"/>
      <c r="NUS25" s="6"/>
      <c r="NUT25" s="6"/>
      <c r="NUU25" s="6"/>
      <c r="NUV25" s="6"/>
      <c r="NUW25" s="6"/>
      <c r="NUX25" s="6"/>
      <c r="NUY25" s="6"/>
      <c r="NUZ25" s="6"/>
      <c r="NVA25" s="6"/>
      <c r="NVB25" s="6"/>
      <c r="NVC25" s="6"/>
      <c r="NVD25" s="6"/>
      <c r="NVE25" s="6"/>
      <c r="NVF25" s="6"/>
      <c r="NVG25" s="6"/>
      <c r="NVH25" s="6"/>
      <c r="NVI25" s="6"/>
      <c r="NVJ25" s="6"/>
      <c r="NVK25" s="6"/>
      <c r="NVL25" s="6"/>
      <c r="NVM25" s="6"/>
      <c r="NVN25" s="6"/>
      <c r="NVO25" s="6"/>
      <c r="NVP25" s="6"/>
      <c r="NVQ25" s="6"/>
      <c r="NVR25" s="6"/>
      <c r="NVS25" s="6"/>
      <c r="NVT25" s="6"/>
      <c r="NVU25" s="6"/>
      <c r="NVV25" s="6"/>
      <c r="NVW25" s="6"/>
      <c r="NVX25" s="6"/>
      <c r="NVY25" s="6"/>
      <c r="NVZ25" s="6"/>
      <c r="NWA25" s="6"/>
      <c r="NWB25" s="6"/>
      <c r="NWC25" s="6"/>
      <c r="NWD25" s="6"/>
      <c r="NWE25" s="6"/>
      <c r="NWF25" s="6"/>
      <c r="NWG25" s="6"/>
      <c r="NWH25" s="6"/>
      <c r="NWI25" s="6"/>
      <c r="NWJ25" s="6"/>
      <c r="NWK25" s="6"/>
      <c r="NWL25" s="6"/>
      <c r="NWM25" s="6"/>
      <c r="NWN25" s="6"/>
      <c r="NWO25" s="6"/>
      <c r="NWP25" s="6"/>
      <c r="NWQ25" s="6"/>
      <c r="NWR25" s="6"/>
      <c r="NWS25" s="6"/>
      <c r="NWT25" s="6"/>
      <c r="NWU25" s="6"/>
      <c r="NWV25" s="6"/>
      <c r="NWW25" s="6"/>
      <c r="NWX25" s="6"/>
      <c r="NWY25" s="6"/>
      <c r="NWZ25" s="6"/>
      <c r="NXA25" s="6"/>
      <c r="NXB25" s="6"/>
      <c r="NXC25" s="6"/>
      <c r="NXD25" s="6"/>
      <c r="NXE25" s="6"/>
      <c r="NXF25" s="6"/>
      <c r="NXG25" s="6"/>
      <c r="NXH25" s="6"/>
      <c r="NXI25" s="6"/>
      <c r="NXJ25" s="6"/>
      <c r="NXK25" s="6"/>
      <c r="NXL25" s="6"/>
      <c r="NXM25" s="6"/>
      <c r="NXN25" s="6"/>
      <c r="NXO25" s="6"/>
      <c r="NXP25" s="6"/>
      <c r="NXQ25" s="6"/>
      <c r="NXR25" s="6"/>
      <c r="NXS25" s="6"/>
      <c r="NXT25" s="6"/>
      <c r="NXU25" s="6"/>
      <c r="NXV25" s="6"/>
      <c r="NXW25" s="6"/>
      <c r="NXX25" s="6"/>
      <c r="NXY25" s="6"/>
      <c r="NXZ25" s="6"/>
      <c r="NYA25" s="6"/>
      <c r="NYB25" s="6"/>
      <c r="NYC25" s="6"/>
      <c r="NYD25" s="6"/>
      <c r="NYE25" s="6"/>
      <c r="NYF25" s="6"/>
      <c r="NYG25" s="6"/>
      <c r="NYH25" s="6"/>
      <c r="NYI25" s="6"/>
      <c r="NYJ25" s="6"/>
      <c r="NYK25" s="6"/>
      <c r="NYL25" s="6"/>
      <c r="NYM25" s="6"/>
      <c r="NYN25" s="6"/>
      <c r="NYO25" s="6"/>
      <c r="NYP25" s="6"/>
      <c r="NYQ25" s="6"/>
      <c r="NYR25" s="6"/>
      <c r="NYS25" s="6"/>
      <c r="NYT25" s="6"/>
      <c r="NYU25" s="6"/>
      <c r="NYV25" s="6"/>
      <c r="NYW25" s="6"/>
      <c r="NYX25" s="6"/>
      <c r="NYY25" s="6"/>
      <c r="NYZ25" s="6"/>
      <c r="NZA25" s="6"/>
      <c r="NZB25" s="6"/>
      <c r="NZC25" s="6"/>
      <c r="NZD25" s="6"/>
      <c r="NZE25" s="6"/>
      <c r="NZF25" s="6"/>
      <c r="NZG25" s="6"/>
      <c r="NZH25" s="6"/>
      <c r="NZI25" s="6"/>
      <c r="NZJ25" s="6"/>
      <c r="NZK25" s="6"/>
      <c r="NZL25" s="6"/>
      <c r="NZM25" s="6"/>
      <c r="NZN25" s="6"/>
      <c r="NZO25" s="6"/>
      <c r="NZP25" s="6"/>
      <c r="NZQ25" s="6"/>
      <c r="NZR25" s="6"/>
      <c r="NZS25" s="6"/>
      <c r="NZT25" s="6"/>
      <c r="NZU25" s="6"/>
      <c r="NZV25" s="6"/>
      <c r="NZW25" s="6"/>
      <c r="NZX25" s="6"/>
      <c r="NZY25" s="6"/>
      <c r="NZZ25" s="6"/>
      <c r="OAA25" s="6"/>
      <c r="OAB25" s="6"/>
      <c r="OAC25" s="6"/>
      <c r="OAD25" s="6"/>
      <c r="OAE25" s="6"/>
      <c r="OAF25" s="6"/>
      <c r="OAG25" s="6"/>
      <c r="OAH25" s="6"/>
      <c r="OAI25" s="6"/>
      <c r="OAJ25" s="6"/>
      <c r="OAK25" s="6"/>
      <c r="OAL25" s="6"/>
      <c r="OAM25" s="6"/>
      <c r="OAN25" s="6"/>
      <c r="OAO25" s="6"/>
      <c r="OAP25" s="6"/>
      <c r="OAQ25" s="6"/>
      <c r="OAR25" s="6"/>
      <c r="OAS25" s="6"/>
      <c r="OAT25" s="6"/>
      <c r="OAU25" s="6"/>
      <c r="OAV25" s="6"/>
      <c r="OAW25" s="6"/>
      <c r="OAX25" s="6"/>
      <c r="OAY25" s="6"/>
      <c r="OAZ25" s="6"/>
      <c r="OBA25" s="6"/>
      <c r="OBB25" s="6"/>
      <c r="OBC25" s="6"/>
      <c r="OBD25" s="6"/>
      <c r="OBE25" s="6"/>
      <c r="OBF25" s="6"/>
      <c r="OBG25" s="6"/>
      <c r="OBH25" s="6"/>
      <c r="OBI25" s="6"/>
      <c r="OBJ25" s="6"/>
      <c r="OBK25" s="6"/>
      <c r="OBL25" s="6"/>
      <c r="OBM25" s="6"/>
      <c r="OBN25" s="6"/>
      <c r="OBO25" s="6"/>
      <c r="OBP25" s="6"/>
      <c r="OBQ25" s="6"/>
      <c r="OBR25" s="6"/>
      <c r="OBS25" s="6"/>
      <c r="OBT25" s="6"/>
      <c r="OBU25" s="6"/>
      <c r="OBV25" s="6"/>
      <c r="OBW25" s="6"/>
      <c r="OBX25" s="6"/>
      <c r="OBY25" s="6"/>
      <c r="OBZ25" s="6"/>
      <c r="OCA25" s="6"/>
      <c r="OCB25" s="6"/>
      <c r="OCC25" s="6"/>
      <c r="OCD25" s="6"/>
      <c r="OCE25" s="6"/>
      <c r="OCF25" s="6"/>
      <c r="OCG25" s="6"/>
      <c r="OCH25" s="6"/>
      <c r="OCI25" s="6"/>
      <c r="OCJ25" s="6"/>
      <c r="OCK25" s="6"/>
      <c r="OCL25" s="6"/>
      <c r="OCM25" s="6"/>
      <c r="OCN25" s="6"/>
      <c r="OCO25" s="6"/>
      <c r="OCP25" s="6"/>
      <c r="OCQ25" s="6"/>
      <c r="OCR25" s="6"/>
      <c r="OCS25" s="6"/>
      <c r="OCT25" s="6"/>
      <c r="OCU25" s="6"/>
      <c r="OCV25" s="6"/>
      <c r="OCW25" s="6"/>
      <c r="OCX25" s="6"/>
      <c r="OCY25" s="6"/>
      <c r="OCZ25" s="6"/>
      <c r="ODA25" s="6"/>
      <c r="ODB25" s="6"/>
      <c r="ODC25" s="6"/>
      <c r="ODD25" s="6"/>
      <c r="ODE25" s="6"/>
      <c r="ODF25" s="6"/>
      <c r="ODG25" s="6"/>
      <c r="ODH25" s="6"/>
      <c r="ODI25" s="6"/>
      <c r="ODJ25" s="6"/>
      <c r="ODK25" s="6"/>
      <c r="ODL25" s="6"/>
      <c r="ODM25" s="6"/>
      <c r="ODN25" s="6"/>
      <c r="ODO25" s="6"/>
      <c r="ODP25" s="6"/>
      <c r="ODQ25" s="6"/>
      <c r="ODR25" s="6"/>
      <c r="ODS25" s="6"/>
      <c r="ODT25" s="6"/>
      <c r="ODU25" s="6"/>
      <c r="ODV25" s="6"/>
      <c r="ODW25" s="6"/>
      <c r="ODX25" s="6"/>
      <c r="ODY25" s="6"/>
      <c r="ODZ25" s="6"/>
      <c r="OEA25" s="6"/>
      <c r="OEB25" s="6"/>
      <c r="OEC25" s="6"/>
      <c r="OED25" s="6"/>
      <c r="OEE25" s="6"/>
      <c r="OEF25" s="6"/>
      <c r="OEG25" s="6"/>
      <c r="OEH25" s="6"/>
      <c r="OEI25" s="6"/>
      <c r="OEJ25" s="6"/>
      <c r="OEK25" s="6"/>
      <c r="OEL25" s="6"/>
      <c r="OEM25" s="6"/>
      <c r="OEN25" s="6"/>
      <c r="OEO25" s="6"/>
      <c r="OEP25" s="6"/>
      <c r="OEQ25" s="6"/>
      <c r="OER25" s="6"/>
      <c r="OES25" s="6"/>
      <c r="OET25" s="6"/>
      <c r="OEU25" s="6"/>
      <c r="OEV25" s="6"/>
      <c r="OEW25" s="6"/>
      <c r="OEX25" s="6"/>
      <c r="OEY25" s="6"/>
      <c r="OEZ25" s="6"/>
      <c r="OFA25" s="6"/>
      <c r="OFB25" s="6"/>
      <c r="OFC25" s="6"/>
      <c r="OFD25" s="6"/>
      <c r="OFE25" s="6"/>
      <c r="OFF25" s="6"/>
      <c r="OFG25" s="6"/>
      <c r="OFH25" s="6"/>
      <c r="OFI25" s="6"/>
      <c r="OFJ25" s="6"/>
      <c r="OFK25" s="6"/>
      <c r="OFL25" s="6"/>
      <c r="OFM25" s="6"/>
      <c r="OFN25" s="6"/>
      <c r="OFO25" s="6"/>
      <c r="OFP25" s="6"/>
      <c r="OFQ25" s="6"/>
      <c r="OFR25" s="6"/>
      <c r="OFS25" s="6"/>
      <c r="OFT25" s="6"/>
      <c r="OFU25" s="6"/>
      <c r="OFV25" s="6"/>
      <c r="OFW25" s="6"/>
      <c r="OFX25" s="6"/>
      <c r="OFY25" s="6"/>
      <c r="OFZ25" s="6"/>
      <c r="OGA25" s="6"/>
      <c r="OGB25" s="6"/>
      <c r="OGC25" s="6"/>
      <c r="OGD25" s="6"/>
      <c r="OGE25" s="6"/>
      <c r="OGF25" s="6"/>
      <c r="OGG25" s="6"/>
      <c r="OGH25" s="6"/>
      <c r="OGI25" s="6"/>
      <c r="OGJ25" s="6"/>
      <c r="OGK25" s="6"/>
      <c r="OGL25" s="6"/>
      <c r="OGM25" s="6"/>
      <c r="OGN25" s="6"/>
      <c r="OGO25" s="6"/>
      <c r="OGP25" s="6"/>
      <c r="OGQ25" s="6"/>
      <c r="OGR25" s="6"/>
      <c r="OGS25" s="6"/>
      <c r="OGT25" s="6"/>
      <c r="OGU25" s="6"/>
      <c r="OGV25" s="6"/>
      <c r="OGW25" s="6"/>
      <c r="OGX25" s="6"/>
      <c r="OGY25" s="6"/>
      <c r="OGZ25" s="6"/>
      <c r="OHA25" s="6"/>
      <c r="OHB25" s="6"/>
      <c r="OHC25" s="6"/>
      <c r="OHD25" s="6"/>
      <c r="OHE25" s="6"/>
      <c r="OHF25" s="6"/>
      <c r="OHG25" s="6"/>
      <c r="OHH25" s="6"/>
      <c r="OHI25" s="6"/>
      <c r="OHJ25" s="6"/>
      <c r="OHK25" s="6"/>
      <c r="OHL25" s="6"/>
      <c r="OHM25" s="6"/>
      <c r="OHN25" s="6"/>
      <c r="OHO25" s="6"/>
      <c r="OHP25" s="6"/>
      <c r="OHQ25" s="6"/>
      <c r="OHR25" s="6"/>
      <c r="OHS25" s="6"/>
      <c r="OHT25" s="6"/>
      <c r="OHU25" s="6"/>
      <c r="OHV25" s="6"/>
      <c r="OHW25" s="6"/>
      <c r="OHX25" s="6"/>
      <c r="OHY25" s="6"/>
      <c r="OHZ25" s="6"/>
      <c r="OIA25" s="6"/>
      <c r="OIB25" s="6"/>
      <c r="OIC25" s="6"/>
      <c r="OID25" s="6"/>
      <c r="OIE25" s="6"/>
      <c r="OIF25" s="6"/>
      <c r="OIG25" s="6"/>
      <c r="OIH25" s="6"/>
      <c r="OII25" s="6"/>
      <c r="OIJ25" s="6"/>
      <c r="OIK25" s="6"/>
      <c r="OIL25" s="6"/>
      <c r="OIM25" s="6"/>
      <c r="OIN25" s="6"/>
      <c r="OIO25" s="6"/>
      <c r="OIP25" s="6"/>
      <c r="OIQ25" s="6"/>
      <c r="OIR25" s="6"/>
      <c r="OIS25" s="6"/>
      <c r="OIT25" s="6"/>
      <c r="OIU25" s="6"/>
      <c r="OIV25" s="6"/>
      <c r="OIW25" s="6"/>
      <c r="OIX25" s="6"/>
      <c r="OIY25" s="6"/>
      <c r="OIZ25" s="6"/>
      <c r="OJA25" s="6"/>
      <c r="OJB25" s="6"/>
      <c r="OJC25" s="6"/>
      <c r="OJD25" s="6"/>
      <c r="OJE25" s="6"/>
      <c r="OJF25" s="6"/>
      <c r="OJG25" s="6"/>
      <c r="OJH25" s="6"/>
      <c r="OJI25" s="6"/>
      <c r="OJJ25" s="6"/>
      <c r="OJK25" s="6"/>
      <c r="OJL25" s="6"/>
      <c r="OJM25" s="6"/>
      <c r="OJN25" s="6"/>
      <c r="OJO25" s="6"/>
      <c r="OJP25" s="6"/>
      <c r="OJQ25" s="6"/>
      <c r="OJR25" s="6"/>
      <c r="OJS25" s="6"/>
      <c r="OJT25" s="6"/>
      <c r="OJU25" s="6"/>
      <c r="OJV25" s="6"/>
      <c r="OJW25" s="6"/>
      <c r="OJX25" s="6"/>
      <c r="OJY25" s="6"/>
      <c r="OJZ25" s="6"/>
      <c r="OKA25" s="6"/>
      <c r="OKB25" s="6"/>
      <c r="OKC25" s="6"/>
      <c r="OKD25" s="6"/>
      <c r="OKE25" s="6"/>
      <c r="OKF25" s="6"/>
      <c r="OKG25" s="6"/>
      <c r="OKH25" s="6"/>
      <c r="OKI25" s="6"/>
      <c r="OKJ25" s="6"/>
      <c r="OKK25" s="6"/>
      <c r="OKL25" s="6"/>
      <c r="OKM25" s="6"/>
      <c r="OKN25" s="6"/>
      <c r="OKO25" s="6"/>
      <c r="OKP25" s="6"/>
      <c r="OKQ25" s="6"/>
      <c r="OKR25" s="6"/>
      <c r="OKS25" s="6"/>
      <c r="OKT25" s="6"/>
      <c r="OKU25" s="6"/>
      <c r="OKV25" s="6"/>
      <c r="OKW25" s="6"/>
      <c r="OKX25" s="6"/>
      <c r="OKY25" s="6"/>
      <c r="OKZ25" s="6"/>
      <c r="OLA25" s="6"/>
      <c r="OLB25" s="6"/>
      <c r="OLC25" s="6"/>
      <c r="OLD25" s="6"/>
      <c r="OLE25" s="6"/>
      <c r="OLF25" s="6"/>
      <c r="OLG25" s="6"/>
      <c r="OLH25" s="6"/>
      <c r="OLI25" s="6"/>
      <c r="OLJ25" s="6"/>
      <c r="OLK25" s="6"/>
      <c r="OLL25" s="6"/>
      <c r="OLM25" s="6"/>
      <c r="OLN25" s="6"/>
      <c r="OLO25" s="6"/>
      <c r="OLP25" s="6"/>
      <c r="OLQ25" s="6"/>
      <c r="OLR25" s="6"/>
      <c r="OLS25" s="6"/>
      <c r="OLT25" s="6"/>
      <c r="OLU25" s="6"/>
      <c r="OLV25" s="6"/>
      <c r="OLW25" s="6"/>
      <c r="OLX25" s="6"/>
      <c r="OLY25" s="6"/>
      <c r="OLZ25" s="6"/>
      <c r="OMA25" s="6"/>
      <c r="OMB25" s="6"/>
      <c r="OMC25" s="6"/>
      <c r="OMD25" s="6"/>
      <c r="OME25" s="6"/>
      <c r="OMF25" s="6"/>
      <c r="OMG25" s="6"/>
      <c r="OMH25" s="6"/>
      <c r="OMI25" s="6"/>
      <c r="OMJ25" s="6"/>
      <c r="OMK25" s="6"/>
      <c r="OML25" s="6"/>
      <c r="OMM25" s="6"/>
      <c r="OMN25" s="6"/>
      <c r="OMO25" s="6"/>
      <c r="OMP25" s="6"/>
      <c r="OMQ25" s="6"/>
      <c r="OMR25" s="6"/>
      <c r="OMS25" s="6"/>
      <c r="OMT25" s="6"/>
      <c r="OMU25" s="6"/>
      <c r="OMV25" s="6"/>
      <c r="OMW25" s="6"/>
      <c r="OMX25" s="6"/>
      <c r="OMY25" s="6"/>
      <c r="OMZ25" s="6"/>
      <c r="ONA25" s="6"/>
      <c r="ONB25" s="6"/>
      <c r="ONC25" s="6"/>
      <c r="OND25" s="6"/>
      <c r="ONE25" s="6"/>
      <c r="ONF25" s="6"/>
      <c r="ONG25" s="6"/>
      <c r="ONH25" s="6"/>
      <c r="ONI25" s="6"/>
      <c r="ONJ25" s="6"/>
      <c r="ONK25" s="6"/>
      <c r="ONL25" s="6"/>
      <c r="ONM25" s="6"/>
      <c r="ONN25" s="6"/>
      <c r="ONO25" s="6"/>
      <c r="ONP25" s="6"/>
      <c r="ONQ25" s="6"/>
      <c r="ONR25" s="6"/>
      <c r="ONS25" s="6"/>
      <c r="ONT25" s="6"/>
      <c r="ONU25" s="6"/>
      <c r="ONV25" s="6"/>
      <c r="ONW25" s="6"/>
      <c r="ONX25" s="6"/>
      <c r="ONY25" s="6"/>
      <c r="ONZ25" s="6"/>
      <c r="OOA25" s="6"/>
      <c r="OOB25" s="6"/>
      <c r="OOC25" s="6"/>
      <c r="OOD25" s="6"/>
      <c r="OOE25" s="6"/>
      <c r="OOF25" s="6"/>
      <c r="OOG25" s="6"/>
      <c r="OOH25" s="6"/>
      <c r="OOI25" s="6"/>
      <c r="OOJ25" s="6"/>
      <c r="OOK25" s="6"/>
      <c r="OOL25" s="6"/>
      <c r="OOM25" s="6"/>
      <c r="OON25" s="6"/>
      <c r="OOO25" s="6"/>
      <c r="OOP25" s="6"/>
      <c r="OOQ25" s="6"/>
      <c r="OOR25" s="6"/>
      <c r="OOS25" s="6"/>
      <c r="OOT25" s="6"/>
      <c r="OOU25" s="6"/>
      <c r="OOV25" s="6"/>
      <c r="OOW25" s="6"/>
      <c r="OOX25" s="6"/>
      <c r="OOY25" s="6"/>
      <c r="OOZ25" s="6"/>
      <c r="OPA25" s="6"/>
      <c r="OPB25" s="6"/>
      <c r="OPC25" s="6"/>
      <c r="OPD25" s="6"/>
      <c r="OPE25" s="6"/>
      <c r="OPF25" s="6"/>
      <c r="OPG25" s="6"/>
      <c r="OPH25" s="6"/>
      <c r="OPI25" s="6"/>
      <c r="OPJ25" s="6"/>
      <c r="OPK25" s="6"/>
      <c r="OPL25" s="6"/>
      <c r="OPM25" s="6"/>
      <c r="OPN25" s="6"/>
      <c r="OPO25" s="6"/>
      <c r="OPP25" s="6"/>
      <c r="OPQ25" s="6"/>
      <c r="OPR25" s="6"/>
      <c r="OPS25" s="6"/>
      <c r="OPT25" s="6"/>
      <c r="OPU25" s="6"/>
      <c r="OPV25" s="6"/>
      <c r="OPW25" s="6"/>
      <c r="OPX25" s="6"/>
      <c r="OPY25" s="6"/>
      <c r="OPZ25" s="6"/>
      <c r="OQA25" s="6"/>
      <c r="OQB25" s="6"/>
      <c r="OQC25" s="6"/>
      <c r="OQD25" s="6"/>
      <c r="OQE25" s="6"/>
      <c r="OQF25" s="6"/>
      <c r="OQG25" s="6"/>
      <c r="OQH25" s="6"/>
      <c r="OQI25" s="6"/>
      <c r="OQJ25" s="6"/>
      <c r="OQK25" s="6"/>
      <c r="OQL25" s="6"/>
      <c r="OQM25" s="6"/>
      <c r="OQN25" s="6"/>
      <c r="OQO25" s="6"/>
      <c r="OQP25" s="6"/>
      <c r="OQQ25" s="6"/>
      <c r="OQR25" s="6"/>
      <c r="OQS25" s="6"/>
      <c r="OQT25" s="6"/>
      <c r="OQU25" s="6"/>
      <c r="OQV25" s="6"/>
      <c r="OQW25" s="6"/>
      <c r="OQX25" s="6"/>
      <c r="OQY25" s="6"/>
      <c r="OQZ25" s="6"/>
      <c r="ORA25" s="6"/>
      <c r="ORB25" s="6"/>
      <c r="ORC25" s="6"/>
      <c r="ORD25" s="6"/>
      <c r="ORE25" s="6"/>
      <c r="ORF25" s="6"/>
      <c r="ORG25" s="6"/>
      <c r="ORH25" s="6"/>
      <c r="ORI25" s="6"/>
      <c r="ORJ25" s="6"/>
      <c r="ORK25" s="6"/>
      <c r="ORL25" s="6"/>
      <c r="ORM25" s="6"/>
      <c r="ORN25" s="6"/>
      <c r="ORO25" s="6"/>
      <c r="ORP25" s="6"/>
      <c r="ORQ25" s="6"/>
      <c r="ORR25" s="6"/>
      <c r="ORS25" s="6"/>
      <c r="ORT25" s="6"/>
      <c r="ORU25" s="6"/>
      <c r="ORV25" s="6"/>
      <c r="ORW25" s="6"/>
      <c r="ORX25" s="6"/>
      <c r="ORY25" s="6"/>
      <c r="ORZ25" s="6"/>
      <c r="OSA25" s="6"/>
      <c r="OSB25" s="6"/>
      <c r="OSC25" s="6"/>
      <c r="OSD25" s="6"/>
      <c r="OSE25" s="6"/>
      <c r="OSF25" s="6"/>
      <c r="OSG25" s="6"/>
      <c r="OSH25" s="6"/>
      <c r="OSI25" s="6"/>
      <c r="OSJ25" s="6"/>
      <c r="OSK25" s="6"/>
      <c r="OSL25" s="6"/>
      <c r="OSM25" s="6"/>
      <c r="OSN25" s="6"/>
      <c r="OSO25" s="6"/>
      <c r="OSP25" s="6"/>
      <c r="OSQ25" s="6"/>
      <c r="OSR25" s="6"/>
      <c r="OSS25" s="6"/>
      <c r="OST25" s="6"/>
      <c r="OSU25" s="6"/>
      <c r="OSV25" s="6"/>
      <c r="OSW25" s="6"/>
      <c r="OSX25" s="6"/>
      <c r="OSY25" s="6"/>
      <c r="OSZ25" s="6"/>
      <c r="OTA25" s="6"/>
      <c r="OTB25" s="6"/>
      <c r="OTC25" s="6"/>
      <c r="OTD25" s="6"/>
      <c r="OTE25" s="6"/>
      <c r="OTF25" s="6"/>
      <c r="OTG25" s="6"/>
      <c r="OTH25" s="6"/>
      <c r="OTI25" s="6"/>
      <c r="OTJ25" s="6"/>
      <c r="OTK25" s="6"/>
      <c r="OTL25" s="6"/>
      <c r="OTM25" s="6"/>
      <c r="OTN25" s="6"/>
      <c r="OTO25" s="6"/>
      <c r="OTP25" s="6"/>
      <c r="OTQ25" s="6"/>
      <c r="OTR25" s="6"/>
      <c r="OTS25" s="6"/>
      <c r="OTT25" s="6"/>
      <c r="OTU25" s="6"/>
      <c r="OTV25" s="6"/>
      <c r="OTW25" s="6"/>
      <c r="OTX25" s="6"/>
      <c r="OTY25" s="6"/>
      <c r="OTZ25" s="6"/>
      <c r="OUA25" s="6"/>
      <c r="OUB25" s="6"/>
      <c r="OUC25" s="6"/>
      <c r="OUD25" s="6"/>
      <c r="OUE25" s="6"/>
      <c r="OUF25" s="6"/>
      <c r="OUG25" s="6"/>
      <c r="OUH25" s="6"/>
      <c r="OUI25" s="6"/>
      <c r="OUJ25" s="6"/>
      <c r="OUK25" s="6"/>
      <c r="OUL25" s="6"/>
      <c r="OUM25" s="6"/>
      <c r="OUN25" s="6"/>
      <c r="OUO25" s="6"/>
      <c r="OUP25" s="6"/>
      <c r="OUQ25" s="6"/>
      <c r="OUR25" s="6"/>
      <c r="OUS25" s="6"/>
      <c r="OUT25" s="6"/>
      <c r="OUU25" s="6"/>
      <c r="OUV25" s="6"/>
      <c r="OUW25" s="6"/>
      <c r="OUX25" s="6"/>
      <c r="OUY25" s="6"/>
      <c r="OUZ25" s="6"/>
      <c r="OVA25" s="6"/>
      <c r="OVB25" s="6"/>
      <c r="OVC25" s="6"/>
      <c r="OVD25" s="6"/>
      <c r="OVE25" s="6"/>
      <c r="OVF25" s="6"/>
      <c r="OVG25" s="6"/>
      <c r="OVH25" s="6"/>
      <c r="OVI25" s="6"/>
      <c r="OVJ25" s="6"/>
      <c r="OVK25" s="6"/>
      <c r="OVL25" s="6"/>
      <c r="OVM25" s="6"/>
      <c r="OVN25" s="6"/>
      <c r="OVO25" s="6"/>
      <c r="OVP25" s="6"/>
      <c r="OVQ25" s="6"/>
      <c r="OVR25" s="6"/>
      <c r="OVS25" s="6"/>
      <c r="OVT25" s="6"/>
      <c r="OVU25" s="6"/>
      <c r="OVV25" s="6"/>
      <c r="OVW25" s="6"/>
      <c r="OVX25" s="6"/>
      <c r="OVY25" s="6"/>
      <c r="OVZ25" s="6"/>
      <c r="OWA25" s="6"/>
      <c r="OWB25" s="6"/>
      <c r="OWC25" s="6"/>
      <c r="OWD25" s="6"/>
      <c r="OWE25" s="6"/>
      <c r="OWF25" s="6"/>
      <c r="OWG25" s="6"/>
      <c r="OWH25" s="6"/>
      <c r="OWI25" s="6"/>
      <c r="OWJ25" s="6"/>
      <c r="OWK25" s="6"/>
      <c r="OWL25" s="6"/>
      <c r="OWM25" s="6"/>
      <c r="OWN25" s="6"/>
      <c r="OWO25" s="6"/>
      <c r="OWP25" s="6"/>
      <c r="OWQ25" s="6"/>
      <c r="OWR25" s="6"/>
      <c r="OWS25" s="6"/>
      <c r="OWT25" s="6"/>
      <c r="OWU25" s="6"/>
      <c r="OWV25" s="6"/>
      <c r="OWW25" s="6"/>
      <c r="OWX25" s="6"/>
      <c r="OWY25" s="6"/>
      <c r="OWZ25" s="6"/>
      <c r="OXA25" s="6"/>
      <c r="OXB25" s="6"/>
      <c r="OXC25" s="6"/>
      <c r="OXD25" s="6"/>
      <c r="OXE25" s="6"/>
      <c r="OXF25" s="6"/>
      <c r="OXG25" s="6"/>
      <c r="OXH25" s="6"/>
      <c r="OXI25" s="6"/>
      <c r="OXJ25" s="6"/>
      <c r="OXK25" s="6"/>
      <c r="OXL25" s="6"/>
      <c r="OXM25" s="6"/>
      <c r="OXN25" s="6"/>
      <c r="OXO25" s="6"/>
      <c r="OXP25" s="6"/>
      <c r="OXQ25" s="6"/>
      <c r="OXR25" s="6"/>
      <c r="OXS25" s="6"/>
      <c r="OXT25" s="6"/>
      <c r="OXU25" s="6"/>
      <c r="OXV25" s="6"/>
      <c r="OXW25" s="6"/>
      <c r="OXX25" s="6"/>
      <c r="OXY25" s="6"/>
      <c r="OXZ25" s="6"/>
      <c r="OYA25" s="6"/>
      <c r="OYB25" s="6"/>
      <c r="OYC25" s="6"/>
      <c r="OYD25" s="6"/>
      <c r="OYE25" s="6"/>
      <c r="OYF25" s="6"/>
      <c r="OYG25" s="6"/>
      <c r="OYH25" s="6"/>
      <c r="OYI25" s="6"/>
      <c r="OYJ25" s="6"/>
      <c r="OYK25" s="6"/>
      <c r="OYL25" s="6"/>
      <c r="OYM25" s="6"/>
      <c r="OYN25" s="6"/>
      <c r="OYO25" s="6"/>
      <c r="OYP25" s="6"/>
      <c r="OYQ25" s="6"/>
      <c r="OYR25" s="6"/>
      <c r="OYS25" s="6"/>
      <c r="OYT25" s="6"/>
      <c r="OYU25" s="6"/>
      <c r="OYV25" s="6"/>
      <c r="OYW25" s="6"/>
      <c r="OYX25" s="6"/>
      <c r="OYY25" s="6"/>
      <c r="OYZ25" s="6"/>
      <c r="OZA25" s="6"/>
      <c r="OZB25" s="6"/>
      <c r="OZC25" s="6"/>
      <c r="OZD25" s="6"/>
      <c r="OZE25" s="6"/>
      <c r="OZF25" s="6"/>
      <c r="OZG25" s="6"/>
      <c r="OZH25" s="6"/>
      <c r="OZI25" s="6"/>
      <c r="OZJ25" s="6"/>
      <c r="OZK25" s="6"/>
      <c r="OZL25" s="6"/>
      <c r="OZM25" s="6"/>
      <c r="OZN25" s="6"/>
      <c r="OZO25" s="6"/>
      <c r="OZP25" s="6"/>
      <c r="OZQ25" s="6"/>
      <c r="OZR25" s="6"/>
      <c r="OZS25" s="6"/>
      <c r="OZT25" s="6"/>
      <c r="OZU25" s="6"/>
      <c r="OZV25" s="6"/>
      <c r="OZW25" s="6"/>
      <c r="OZX25" s="6"/>
      <c r="OZY25" s="6"/>
      <c r="OZZ25" s="6"/>
      <c r="PAA25" s="6"/>
      <c r="PAB25" s="6"/>
      <c r="PAC25" s="6"/>
      <c r="PAD25" s="6"/>
      <c r="PAE25" s="6"/>
      <c r="PAF25" s="6"/>
      <c r="PAG25" s="6"/>
      <c r="PAH25" s="6"/>
      <c r="PAI25" s="6"/>
      <c r="PAJ25" s="6"/>
      <c r="PAK25" s="6"/>
      <c r="PAL25" s="6"/>
      <c r="PAM25" s="6"/>
      <c r="PAN25" s="6"/>
      <c r="PAO25" s="6"/>
      <c r="PAP25" s="6"/>
      <c r="PAQ25" s="6"/>
      <c r="PAR25" s="6"/>
      <c r="PAS25" s="6"/>
      <c r="PAT25" s="6"/>
      <c r="PAU25" s="6"/>
      <c r="PAV25" s="6"/>
      <c r="PAW25" s="6"/>
      <c r="PAX25" s="6"/>
      <c r="PAY25" s="6"/>
      <c r="PAZ25" s="6"/>
      <c r="PBA25" s="6"/>
      <c r="PBB25" s="6"/>
      <c r="PBC25" s="6"/>
      <c r="PBD25" s="6"/>
      <c r="PBE25" s="6"/>
      <c r="PBF25" s="6"/>
      <c r="PBG25" s="6"/>
      <c r="PBH25" s="6"/>
      <c r="PBI25" s="6"/>
      <c r="PBJ25" s="6"/>
      <c r="PBK25" s="6"/>
      <c r="PBL25" s="6"/>
      <c r="PBM25" s="6"/>
      <c r="PBN25" s="6"/>
      <c r="PBO25" s="6"/>
      <c r="PBP25" s="6"/>
      <c r="PBQ25" s="6"/>
      <c r="PBR25" s="6"/>
      <c r="PBS25" s="6"/>
      <c r="PBT25" s="6"/>
      <c r="PBU25" s="6"/>
      <c r="PBV25" s="6"/>
      <c r="PBW25" s="6"/>
      <c r="PBX25" s="6"/>
      <c r="PBY25" s="6"/>
      <c r="PBZ25" s="6"/>
      <c r="PCA25" s="6"/>
      <c r="PCB25" s="6"/>
      <c r="PCC25" s="6"/>
      <c r="PCD25" s="6"/>
      <c r="PCE25" s="6"/>
      <c r="PCF25" s="6"/>
      <c r="PCG25" s="6"/>
      <c r="PCH25" s="6"/>
      <c r="PCI25" s="6"/>
      <c r="PCJ25" s="6"/>
      <c r="PCK25" s="6"/>
      <c r="PCL25" s="6"/>
      <c r="PCM25" s="6"/>
      <c r="PCN25" s="6"/>
      <c r="PCO25" s="6"/>
      <c r="PCP25" s="6"/>
      <c r="PCQ25" s="6"/>
      <c r="PCR25" s="6"/>
      <c r="PCS25" s="6"/>
      <c r="PCT25" s="6"/>
      <c r="PCU25" s="6"/>
      <c r="PCV25" s="6"/>
      <c r="PCW25" s="6"/>
      <c r="PCX25" s="6"/>
      <c r="PCY25" s="6"/>
      <c r="PCZ25" s="6"/>
      <c r="PDA25" s="6"/>
      <c r="PDB25" s="6"/>
      <c r="PDC25" s="6"/>
      <c r="PDD25" s="6"/>
      <c r="PDE25" s="6"/>
      <c r="PDF25" s="6"/>
      <c r="PDG25" s="6"/>
      <c r="PDH25" s="6"/>
      <c r="PDI25" s="6"/>
      <c r="PDJ25" s="6"/>
      <c r="PDK25" s="6"/>
      <c r="PDL25" s="6"/>
      <c r="PDM25" s="6"/>
      <c r="PDN25" s="6"/>
      <c r="PDO25" s="6"/>
      <c r="PDP25" s="6"/>
      <c r="PDQ25" s="6"/>
      <c r="PDR25" s="6"/>
      <c r="PDS25" s="6"/>
      <c r="PDT25" s="6"/>
      <c r="PDU25" s="6"/>
      <c r="PDV25" s="6"/>
      <c r="PDW25" s="6"/>
      <c r="PDX25" s="6"/>
      <c r="PDY25" s="6"/>
      <c r="PDZ25" s="6"/>
      <c r="PEA25" s="6"/>
      <c r="PEB25" s="6"/>
      <c r="PEC25" s="6"/>
      <c r="PED25" s="6"/>
      <c r="PEE25" s="6"/>
      <c r="PEF25" s="6"/>
      <c r="PEG25" s="6"/>
      <c r="PEH25" s="6"/>
      <c r="PEI25" s="6"/>
      <c r="PEJ25" s="6"/>
      <c r="PEK25" s="6"/>
      <c r="PEL25" s="6"/>
      <c r="PEM25" s="6"/>
      <c r="PEN25" s="6"/>
      <c r="PEO25" s="6"/>
      <c r="PEP25" s="6"/>
      <c r="PEQ25" s="6"/>
      <c r="PER25" s="6"/>
      <c r="PES25" s="6"/>
      <c r="PET25" s="6"/>
      <c r="PEU25" s="6"/>
      <c r="PEV25" s="6"/>
      <c r="PEW25" s="6"/>
      <c r="PEX25" s="6"/>
      <c r="PEY25" s="6"/>
      <c r="PEZ25" s="6"/>
      <c r="PFA25" s="6"/>
      <c r="PFB25" s="6"/>
      <c r="PFC25" s="6"/>
      <c r="PFD25" s="6"/>
      <c r="PFE25" s="6"/>
      <c r="PFF25" s="6"/>
      <c r="PFG25" s="6"/>
      <c r="PFH25" s="6"/>
      <c r="PFI25" s="6"/>
      <c r="PFJ25" s="6"/>
      <c r="PFK25" s="6"/>
      <c r="PFL25" s="6"/>
      <c r="PFM25" s="6"/>
      <c r="PFN25" s="6"/>
      <c r="PFO25" s="6"/>
      <c r="PFP25" s="6"/>
      <c r="PFQ25" s="6"/>
      <c r="PFR25" s="6"/>
      <c r="PFS25" s="6"/>
      <c r="PFT25" s="6"/>
      <c r="PFU25" s="6"/>
      <c r="PFV25" s="6"/>
      <c r="PFW25" s="6"/>
      <c r="PFX25" s="6"/>
      <c r="PFY25" s="6"/>
      <c r="PFZ25" s="6"/>
      <c r="PGA25" s="6"/>
      <c r="PGB25" s="6"/>
      <c r="PGC25" s="6"/>
      <c r="PGD25" s="6"/>
      <c r="PGE25" s="6"/>
      <c r="PGF25" s="6"/>
      <c r="PGG25" s="6"/>
      <c r="PGH25" s="6"/>
      <c r="PGI25" s="6"/>
      <c r="PGJ25" s="6"/>
      <c r="PGK25" s="6"/>
      <c r="PGL25" s="6"/>
      <c r="PGM25" s="6"/>
      <c r="PGN25" s="6"/>
      <c r="PGO25" s="6"/>
      <c r="PGP25" s="6"/>
      <c r="PGQ25" s="6"/>
      <c r="PGR25" s="6"/>
      <c r="PGS25" s="6"/>
      <c r="PGT25" s="6"/>
      <c r="PGU25" s="6"/>
      <c r="PGV25" s="6"/>
      <c r="PGW25" s="6"/>
      <c r="PGX25" s="6"/>
      <c r="PGY25" s="6"/>
      <c r="PGZ25" s="6"/>
      <c r="PHA25" s="6"/>
      <c r="PHB25" s="6"/>
      <c r="PHC25" s="6"/>
      <c r="PHD25" s="6"/>
      <c r="PHE25" s="6"/>
      <c r="PHF25" s="6"/>
      <c r="PHG25" s="6"/>
      <c r="PHH25" s="6"/>
      <c r="PHI25" s="6"/>
      <c r="PHJ25" s="6"/>
      <c r="PHK25" s="6"/>
      <c r="PHL25" s="6"/>
      <c r="PHM25" s="6"/>
      <c r="PHN25" s="6"/>
      <c r="PHO25" s="6"/>
      <c r="PHP25" s="6"/>
      <c r="PHQ25" s="6"/>
      <c r="PHR25" s="6"/>
      <c r="PHS25" s="6"/>
      <c r="PHT25" s="6"/>
      <c r="PHU25" s="6"/>
      <c r="PHV25" s="6"/>
      <c r="PHW25" s="6"/>
      <c r="PHX25" s="6"/>
      <c r="PHY25" s="6"/>
      <c r="PHZ25" s="6"/>
      <c r="PIA25" s="6"/>
      <c r="PIB25" s="6"/>
      <c r="PIC25" s="6"/>
      <c r="PID25" s="6"/>
      <c r="PIE25" s="6"/>
      <c r="PIF25" s="6"/>
      <c r="PIG25" s="6"/>
      <c r="PIH25" s="6"/>
      <c r="PII25" s="6"/>
      <c r="PIJ25" s="6"/>
      <c r="PIK25" s="6"/>
      <c r="PIL25" s="6"/>
      <c r="PIM25" s="6"/>
      <c r="PIN25" s="6"/>
      <c r="PIO25" s="6"/>
      <c r="PIP25" s="6"/>
      <c r="PIQ25" s="6"/>
      <c r="PIR25" s="6"/>
      <c r="PIS25" s="6"/>
      <c r="PIT25" s="6"/>
      <c r="PIU25" s="6"/>
      <c r="PIV25" s="6"/>
      <c r="PIW25" s="6"/>
      <c r="PIX25" s="6"/>
      <c r="PIY25" s="6"/>
      <c r="PIZ25" s="6"/>
      <c r="PJA25" s="6"/>
      <c r="PJB25" s="6"/>
      <c r="PJC25" s="6"/>
      <c r="PJD25" s="6"/>
      <c r="PJE25" s="6"/>
      <c r="PJF25" s="6"/>
      <c r="PJG25" s="6"/>
      <c r="PJH25" s="6"/>
      <c r="PJI25" s="6"/>
      <c r="PJJ25" s="6"/>
      <c r="PJK25" s="6"/>
      <c r="PJL25" s="6"/>
      <c r="PJM25" s="6"/>
      <c r="PJN25" s="6"/>
      <c r="PJO25" s="6"/>
      <c r="PJP25" s="6"/>
      <c r="PJQ25" s="6"/>
      <c r="PJR25" s="6"/>
      <c r="PJS25" s="6"/>
      <c r="PJT25" s="6"/>
      <c r="PJU25" s="6"/>
      <c r="PJV25" s="6"/>
      <c r="PJW25" s="6"/>
      <c r="PJX25" s="6"/>
      <c r="PJY25" s="6"/>
      <c r="PJZ25" s="6"/>
      <c r="PKA25" s="6"/>
      <c r="PKB25" s="6"/>
      <c r="PKC25" s="6"/>
      <c r="PKD25" s="6"/>
      <c r="PKE25" s="6"/>
      <c r="PKF25" s="6"/>
      <c r="PKG25" s="6"/>
      <c r="PKH25" s="6"/>
      <c r="PKI25" s="6"/>
      <c r="PKJ25" s="6"/>
      <c r="PKK25" s="6"/>
      <c r="PKL25" s="6"/>
      <c r="PKM25" s="6"/>
      <c r="PKN25" s="6"/>
      <c r="PKO25" s="6"/>
      <c r="PKP25" s="6"/>
      <c r="PKQ25" s="6"/>
      <c r="PKR25" s="6"/>
      <c r="PKS25" s="6"/>
      <c r="PKT25" s="6"/>
      <c r="PKU25" s="6"/>
      <c r="PKV25" s="6"/>
      <c r="PKW25" s="6"/>
      <c r="PKX25" s="6"/>
      <c r="PKY25" s="6"/>
      <c r="PKZ25" s="6"/>
      <c r="PLA25" s="6"/>
      <c r="PLB25" s="6"/>
      <c r="PLC25" s="6"/>
      <c r="PLD25" s="6"/>
      <c r="PLE25" s="6"/>
      <c r="PLF25" s="6"/>
      <c r="PLG25" s="6"/>
      <c r="PLH25" s="6"/>
      <c r="PLI25" s="6"/>
      <c r="PLJ25" s="6"/>
      <c r="PLK25" s="6"/>
      <c r="PLL25" s="6"/>
      <c r="PLM25" s="6"/>
      <c r="PLN25" s="6"/>
      <c r="PLO25" s="6"/>
      <c r="PLP25" s="6"/>
      <c r="PLQ25" s="6"/>
      <c r="PLR25" s="6"/>
      <c r="PLS25" s="6"/>
      <c r="PLT25" s="6"/>
      <c r="PLU25" s="6"/>
      <c r="PLV25" s="6"/>
      <c r="PLW25" s="6"/>
      <c r="PLX25" s="6"/>
      <c r="PLY25" s="6"/>
      <c r="PLZ25" s="6"/>
      <c r="PMA25" s="6"/>
      <c r="PMB25" s="6"/>
      <c r="PMC25" s="6"/>
      <c r="PMD25" s="6"/>
      <c r="PME25" s="6"/>
      <c r="PMF25" s="6"/>
      <c r="PMG25" s="6"/>
      <c r="PMH25" s="6"/>
      <c r="PMI25" s="6"/>
      <c r="PMJ25" s="6"/>
      <c r="PMK25" s="6"/>
      <c r="PML25" s="6"/>
      <c r="PMM25" s="6"/>
      <c r="PMN25" s="6"/>
      <c r="PMO25" s="6"/>
      <c r="PMP25" s="6"/>
      <c r="PMQ25" s="6"/>
      <c r="PMR25" s="6"/>
      <c r="PMS25" s="6"/>
      <c r="PMT25" s="6"/>
      <c r="PMU25" s="6"/>
      <c r="PMV25" s="6"/>
      <c r="PMW25" s="6"/>
      <c r="PMX25" s="6"/>
      <c r="PMY25" s="6"/>
      <c r="PMZ25" s="6"/>
      <c r="PNA25" s="6"/>
      <c r="PNB25" s="6"/>
      <c r="PNC25" s="6"/>
      <c r="PND25" s="6"/>
      <c r="PNE25" s="6"/>
      <c r="PNF25" s="6"/>
      <c r="PNG25" s="6"/>
      <c r="PNH25" s="6"/>
      <c r="PNI25" s="6"/>
      <c r="PNJ25" s="6"/>
      <c r="PNK25" s="6"/>
      <c r="PNL25" s="6"/>
      <c r="PNM25" s="6"/>
      <c r="PNN25" s="6"/>
      <c r="PNO25" s="6"/>
      <c r="PNP25" s="6"/>
      <c r="PNQ25" s="6"/>
      <c r="PNR25" s="6"/>
      <c r="PNS25" s="6"/>
      <c r="PNT25" s="6"/>
      <c r="PNU25" s="6"/>
      <c r="PNV25" s="6"/>
      <c r="PNW25" s="6"/>
      <c r="PNX25" s="6"/>
      <c r="PNY25" s="6"/>
      <c r="PNZ25" s="6"/>
      <c r="POA25" s="6"/>
      <c r="POB25" s="6"/>
      <c r="POC25" s="6"/>
      <c r="POD25" s="6"/>
      <c r="POE25" s="6"/>
      <c r="POF25" s="6"/>
      <c r="POG25" s="6"/>
      <c r="POH25" s="6"/>
      <c r="POI25" s="6"/>
      <c r="POJ25" s="6"/>
      <c r="POK25" s="6"/>
      <c r="POL25" s="6"/>
      <c r="POM25" s="6"/>
      <c r="PON25" s="6"/>
      <c r="POO25" s="6"/>
      <c r="POP25" s="6"/>
      <c r="POQ25" s="6"/>
      <c r="POR25" s="6"/>
      <c r="POS25" s="6"/>
      <c r="POT25" s="6"/>
      <c r="POU25" s="6"/>
      <c r="POV25" s="6"/>
      <c r="POW25" s="6"/>
      <c r="POX25" s="6"/>
      <c r="POY25" s="6"/>
      <c r="POZ25" s="6"/>
      <c r="PPA25" s="6"/>
      <c r="PPB25" s="6"/>
      <c r="PPC25" s="6"/>
      <c r="PPD25" s="6"/>
      <c r="PPE25" s="6"/>
      <c r="PPF25" s="6"/>
      <c r="PPG25" s="6"/>
      <c r="PPH25" s="6"/>
      <c r="PPI25" s="6"/>
      <c r="PPJ25" s="6"/>
      <c r="PPK25" s="6"/>
      <c r="PPL25" s="6"/>
      <c r="PPM25" s="6"/>
      <c r="PPN25" s="6"/>
      <c r="PPO25" s="6"/>
      <c r="PPP25" s="6"/>
      <c r="PPQ25" s="6"/>
      <c r="PPR25" s="6"/>
      <c r="PPS25" s="6"/>
      <c r="PPT25" s="6"/>
      <c r="PPU25" s="6"/>
      <c r="PPV25" s="6"/>
      <c r="PPW25" s="6"/>
      <c r="PPX25" s="6"/>
      <c r="PPY25" s="6"/>
      <c r="PPZ25" s="6"/>
      <c r="PQA25" s="6"/>
      <c r="PQB25" s="6"/>
      <c r="PQC25" s="6"/>
      <c r="PQD25" s="6"/>
      <c r="PQE25" s="6"/>
      <c r="PQF25" s="6"/>
      <c r="PQG25" s="6"/>
      <c r="PQH25" s="6"/>
      <c r="PQI25" s="6"/>
      <c r="PQJ25" s="6"/>
      <c r="PQK25" s="6"/>
      <c r="PQL25" s="6"/>
      <c r="PQM25" s="6"/>
      <c r="PQN25" s="6"/>
      <c r="PQO25" s="6"/>
      <c r="PQP25" s="6"/>
      <c r="PQQ25" s="6"/>
      <c r="PQR25" s="6"/>
      <c r="PQS25" s="6"/>
      <c r="PQT25" s="6"/>
      <c r="PQU25" s="6"/>
      <c r="PQV25" s="6"/>
      <c r="PQW25" s="6"/>
      <c r="PQX25" s="6"/>
      <c r="PQY25" s="6"/>
      <c r="PQZ25" s="6"/>
      <c r="PRA25" s="6"/>
      <c r="PRB25" s="6"/>
      <c r="PRC25" s="6"/>
      <c r="PRD25" s="6"/>
      <c r="PRE25" s="6"/>
      <c r="PRF25" s="6"/>
      <c r="PRG25" s="6"/>
      <c r="PRH25" s="6"/>
      <c r="PRI25" s="6"/>
      <c r="PRJ25" s="6"/>
      <c r="PRK25" s="6"/>
      <c r="PRL25" s="6"/>
      <c r="PRM25" s="6"/>
      <c r="PRN25" s="6"/>
      <c r="PRO25" s="6"/>
      <c r="PRP25" s="6"/>
      <c r="PRQ25" s="6"/>
      <c r="PRR25" s="6"/>
      <c r="PRS25" s="6"/>
      <c r="PRT25" s="6"/>
      <c r="PRU25" s="6"/>
      <c r="PRV25" s="6"/>
      <c r="PRW25" s="6"/>
      <c r="PRX25" s="6"/>
      <c r="PRY25" s="6"/>
      <c r="PRZ25" s="6"/>
      <c r="PSA25" s="6"/>
      <c r="PSB25" s="6"/>
      <c r="PSC25" s="6"/>
      <c r="PSD25" s="6"/>
      <c r="PSE25" s="6"/>
      <c r="PSF25" s="6"/>
      <c r="PSG25" s="6"/>
      <c r="PSH25" s="6"/>
      <c r="PSI25" s="6"/>
      <c r="PSJ25" s="6"/>
      <c r="PSK25" s="6"/>
      <c r="PSL25" s="6"/>
      <c r="PSM25" s="6"/>
      <c r="PSN25" s="6"/>
      <c r="PSO25" s="6"/>
      <c r="PSP25" s="6"/>
      <c r="PSQ25" s="6"/>
      <c r="PSR25" s="6"/>
      <c r="PSS25" s="6"/>
      <c r="PST25" s="6"/>
      <c r="PSU25" s="6"/>
      <c r="PSV25" s="6"/>
      <c r="PSW25" s="6"/>
      <c r="PSX25" s="6"/>
      <c r="PSY25" s="6"/>
      <c r="PSZ25" s="6"/>
      <c r="PTA25" s="6"/>
      <c r="PTB25" s="6"/>
      <c r="PTC25" s="6"/>
      <c r="PTD25" s="6"/>
      <c r="PTE25" s="6"/>
      <c r="PTF25" s="6"/>
      <c r="PTG25" s="6"/>
      <c r="PTH25" s="6"/>
      <c r="PTI25" s="6"/>
      <c r="PTJ25" s="6"/>
      <c r="PTK25" s="6"/>
      <c r="PTL25" s="6"/>
      <c r="PTM25" s="6"/>
      <c r="PTN25" s="6"/>
      <c r="PTO25" s="6"/>
      <c r="PTP25" s="6"/>
      <c r="PTQ25" s="6"/>
      <c r="PTR25" s="6"/>
      <c r="PTS25" s="6"/>
      <c r="PTT25" s="6"/>
      <c r="PTU25" s="6"/>
      <c r="PTV25" s="6"/>
      <c r="PTW25" s="6"/>
      <c r="PTX25" s="6"/>
      <c r="PTY25" s="6"/>
      <c r="PTZ25" s="6"/>
      <c r="PUA25" s="6"/>
      <c r="PUB25" s="6"/>
      <c r="PUC25" s="6"/>
      <c r="PUD25" s="6"/>
      <c r="PUE25" s="6"/>
      <c r="PUF25" s="6"/>
      <c r="PUG25" s="6"/>
      <c r="PUH25" s="6"/>
      <c r="PUI25" s="6"/>
      <c r="PUJ25" s="6"/>
      <c r="PUK25" s="6"/>
      <c r="PUL25" s="6"/>
      <c r="PUM25" s="6"/>
      <c r="PUN25" s="6"/>
      <c r="PUO25" s="6"/>
      <c r="PUP25" s="6"/>
      <c r="PUQ25" s="6"/>
      <c r="PUR25" s="6"/>
      <c r="PUS25" s="6"/>
      <c r="PUT25" s="6"/>
      <c r="PUU25" s="6"/>
      <c r="PUV25" s="6"/>
      <c r="PUW25" s="6"/>
      <c r="PUX25" s="6"/>
      <c r="PUY25" s="6"/>
      <c r="PUZ25" s="6"/>
      <c r="PVA25" s="6"/>
      <c r="PVB25" s="6"/>
      <c r="PVC25" s="6"/>
      <c r="PVD25" s="6"/>
      <c r="PVE25" s="6"/>
      <c r="PVF25" s="6"/>
      <c r="PVG25" s="6"/>
      <c r="PVH25" s="6"/>
      <c r="PVI25" s="6"/>
      <c r="PVJ25" s="6"/>
      <c r="PVK25" s="6"/>
      <c r="PVL25" s="6"/>
      <c r="PVM25" s="6"/>
      <c r="PVN25" s="6"/>
      <c r="PVO25" s="6"/>
      <c r="PVP25" s="6"/>
      <c r="PVQ25" s="6"/>
      <c r="PVR25" s="6"/>
      <c r="PVS25" s="6"/>
      <c r="PVT25" s="6"/>
      <c r="PVU25" s="6"/>
      <c r="PVV25" s="6"/>
      <c r="PVW25" s="6"/>
      <c r="PVX25" s="6"/>
      <c r="PVY25" s="6"/>
      <c r="PVZ25" s="6"/>
      <c r="PWA25" s="6"/>
      <c r="PWB25" s="6"/>
      <c r="PWC25" s="6"/>
      <c r="PWD25" s="6"/>
      <c r="PWE25" s="6"/>
      <c r="PWF25" s="6"/>
      <c r="PWG25" s="6"/>
      <c r="PWH25" s="6"/>
      <c r="PWI25" s="6"/>
      <c r="PWJ25" s="6"/>
      <c r="PWK25" s="6"/>
      <c r="PWL25" s="6"/>
      <c r="PWM25" s="6"/>
      <c r="PWN25" s="6"/>
      <c r="PWO25" s="6"/>
      <c r="PWP25" s="6"/>
      <c r="PWQ25" s="6"/>
      <c r="PWR25" s="6"/>
      <c r="PWS25" s="6"/>
      <c r="PWT25" s="6"/>
      <c r="PWU25" s="6"/>
      <c r="PWV25" s="6"/>
      <c r="PWW25" s="6"/>
      <c r="PWX25" s="6"/>
      <c r="PWY25" s="6"/>
      <c r="PWZ25" s="6"/>
      <c r="PXA25" s="6"/>
      <c r="PXB25" s="6"/>
      <c r="PXC25" s="6"/>
      <c r="PXD25" s="6"/>
      <c r="PXE25" s="6"/>
      <c r="PXF25" s="6"/>
      <c r="PXG25" s="6"/>
      <c r="PXH25" s="6"/>
      <c r="PXI25" s="6"/>
      <c r="PXJ25" s="6"/>
      <c r="PXK25" s="6"/>
      <c r="PXL25" s="6"/>
      <c r="PXM25" s="6"/>
      <c r="PXN25" s="6"/>
      <c r="PXO25" s="6"/>
      <c r="PXP25" s="6"/>
      <c r="PXQ25" s="6"/>
      <c r="PXR25" s="6"/>
      <c r="PXS25" s="6"/>
      <c r="PXT25" s="6"/>
      <c r="PXU25" s="6"/>
      <c r="PXV25" s="6"/>
      <c r="PXW25" s="6"/>
      <c r="PXX25" s="6"/>
      <c r="PXY25" s="6"/>
      <c r="PXZ25" s="6"/>
      <c r="PYA25" s="6"/>
      <c r="PYB25" s="6"/>
      <c r="PYC25" s="6"/>
      <c r="PYD25" s="6"/>
      <c r="PYE25" s="6"/>
      <c r="PYF25" s="6"/>
      <c r="PYG25" s="6"/>
      <c r="PYH25" s="6"/>
      <c r="PYI25" s="6"/>
      <c r="PYJ25" s="6"/>
      <c r="PYK25" s="6"/>
      <c r="PYL25" s="6"/>
      <c r="PYM25" s="6"/>
      <c r="PYN25" s="6"/>
      <c r="PYO25" s="6"/>
      <c r="PYP25" s="6"/>
      <c r="PYQ25" s="6"/>
      <c r="PYR25" s="6"/>
      <c r="PYS25" s="6"/>
      <c r="PYT25" s="6"/>
      <c r="PYU25" s="6"/>
      <c r="PYV25" s="6"/>
      <c r="PYW25" s="6"/>
      <c r="PYX25" s="6"/>
      <c r="PYY25" s="6"/>
      <c r="PYZ25" s="6"/>
      <c r="PZA25" s="6"/>
      <c r="PZB25" s="6"/>
      <c r="PZC25" s="6"/>
      <c r="PZD25" s="6"/>
      <c r="PZE25" s="6"/>
      <c r="PZF25" s="6"/>
      <c r="PZG25" s="6"/>
      <c r="PZH25" s="6"/>
      <c r="PZI25" s="6"/>
      <c r="PZJ25" s="6"/>
      <c r="PZK25" s="6"/>
      <c r="PZL25" s="6"/>
      <c r="PZM25" s="6"/>
      <c r="PZN25" s="6"/>
      <c r="PZO25" s="6"/>
      <c r="PZP25" s="6"/>
      <c r="PZQ25" s="6"/>
      <c r="PZR25" s="6"/>
      <c r="PZS25" s="6"/>
      <c r="PZT25" s="6"/>
      <c r="PZU25" s="6"/>
      <c r="PZV25" s="6"/>
      <c r="PZW25" s="6"/>
      <c r="PZX25" s="6"/>
      <c r="PZY25" s="6"/>
      <c r="PZZ25" s="6"/>
      <c r="QAA25" s="6"/>
      <c r="QAB25" s="6"/>
      <c r="QAC25" s="6"/>
      <c r="QAD25" s="6"/>
      <c r="QAE25" s="6"/>
      <c r="QAF25" s="6"/>
      <c r="QAG25" s="6"/>
      <c r="QAH25" s="6"/>
      <c r="QAI25" s="6"/>
      <c r="QAJ25" s="6"/>
      <c r="QAK25" s="6"/>
      <c r="QAL25" s="6"/>
      <c r="QAM25" s="6"/>
      <c r="QAN25" s="6"/>
      <c r="QAO25" s="6"/>
      <c r="QAP25" s="6"/>
      <c r="QAQ25" s="6"/>
      <c r="QAR25" s="6"/>
      <c r="QAS25" s="6"/>
      <c r="QAT25" s="6"/>
      <c r="QAU25" s="6"/>
      <c r="QAV25" s="6"/>
      <c r="QAW25" s="6"/>
      <c r="QAX25" s="6"/>
      <c r="QAY25" s="6"/>
      <c r="QAZ25" s="6"/>
      <c r="QBA25" s="6"/>
      <c r="QBB25" s="6"/>
      <c r="QBC25" s="6"/>
      <c r="QBD25" s="6"/>
      <c r="QBE25" s="6"/>
      <c r="QBF25" s="6"/>
      <c r="QBG25" s="6"/>
      <c r="QBH25" s="6"/>
      <c r="QBI25" s="6"/>
      <c r="QBJ25" s="6"/>
      <c r="QBK25" s="6"/>
      <c r="QBL25" s="6"/>
      <c r="QBM25" s="6"/>
      <c r="QBN25" s="6"/>
      <c r="QBO25" s="6"/>
      <c r="QBP25" s="6"/>
      <c r="QBQ25" s="6"/>
      <c r="QBR25" s="6"/>
      <c r="QBS25" s="6"/>
      <c r="QBT25" s="6"/>
      <c r="QBU25" s="6"/>
      <c r="QBV25" s="6"/>
      <c r="QBW25" s="6"/>
      <c r="QBX25" s="6"/>
      <c r="QBY25" s="6"/>
      <c r="QBZ25" s="6"/>
      <c r="QCA25" s="6"/>
      <c r="QCB25" s="6"/>
      <c r="QCC25" s="6"/>
      <c r="QCD25" s="6"/>
      <c r="QCE25" s="6"/>
      <c r="QCF25" s="6"/>
      <c r="QCG25" s="6"/>
      <c r="QCH25" s="6"/>
      <c r="QCI25" s="6"/>
      <c r="QCJ25" s="6"/>
      <c r="QCK25" s="6"/>
      <c r="QCL25" s="6"/>
      <c r="QCM25" s="6"/>
      <c r="QCN25" s="6"/>
      <c r="QCO25" s="6"/>
      <c r="QCP25" s="6"/>
      <c r="QCQ25" s="6"/>
      <c r="QCR25" s="6"/>
      <c r="QCS25" s="6"/>
      <c r="QCT25" s="6"/>
      <c r="QCU25" s="6"/>
      <c r="QCV25" s="6"/>
      <c r="QCW25" s="6"/>
      <c r="QCX25" s="6"/>
      <c r="QCY25" s="6"/>
      <c r="QCZ25" s="6"/>
      <c r="QDA25" s="6"/>
      <c r="QDB25" s="6"/>
      <c r="QDC25" s="6"/>
      <c r="QDD25" s="6"/>
      <c r="QDE25" s="6"/>
      <c r="QDF25" s="6"/>
      <c r="QDG25" s="6"/>
      <c r="QDH25" s="6"/>
      <c r="QDI25" s="6"/>
      <c r="QDJ25" s="6"/>
      <c r="QDK25" s="6"/>
      <c r="QDL25" s="6"/>
      <c r="QDM25" s="6"/>
      <c r="QDN25" s="6"/>
      <c r="QDO25" s="6"/>
      <c r="QDP25" s="6"/>
      <c r="QDQ25" s="6"/>
      <c r="QDR25" s="6"/>
      <c r="QDS25" s="6"/>
      <c r="QDT25" s="6"/>
      <c r="QDU25" s="6"/>
      <c r="QDV25" s="6"/>
      <c r="QDW25" s="6"/>
      <c r="QDX25" s="6"/>
      <c r="QDY25" s="6"/>
      <c r="QDZ25" s="6"/>
      <c r="QEA25" s="6"/>
      <c r="QEB25" s="6"/>
      <c r="QEC25" s="6"/>
      <c r="QED25" s="6"/>
      <c r="QEE25" s="6"/>
      <c r="QEF25" s="6"/>
      <c r="QEG25" s="6"/>
      <c r="QEH25" s="6"/>
      <c r="QEI25" s="6"/>
      <c r="QEJ25" s="6"/>
      <c r="QEK25" s="6"/>
      <c r="QEL25" s="6"/>
      <c r="QEM25" s="6"/>
      <c r="QEN25" s="6"/>
      <c r="QEO25" s="6"/>
      <c r="QEP25" s="6"/>
      <c r="QEQ25" s="6"/>
      <c r="QER25" s="6"/>
      <c r="QES25" s="6"/>
      <c r="QET25" s="6"/>
      <c r="QEU25" s="6"/>
      <c r="QEV25" s="6"/>
      <c r="QEW25" s="6"/>
      <c r="QEX25" s="6"/>
      <c r="QEY25" s="6"/>
      <c r="QEZ25" s="6"/>
      <c r="QFA25" s="6"/>
      <c r="QFB25" s="6"/>
      <c r="QFC25" s="6"/>
      <c r="QFD25" s="6"/>
      <c r="QFE25" s="6"/>
      <c r="QFF25" s="6"/>
      <c r="QFG25" s="6"/>
      <c r="QFH25" s="6"/>
      <c r="QFI25" s="6"/>
      <c r="QFJ25" s="6"/>
      <c r="QFK25" s="6"/>
      <c r="QFL25" s="6"/>
      <c r="QFM25" s="6"/>
      <c r="QFN25" s="6"/>
      <c r="QFO25" s="6"/>
      <c r="QFP25" s="6"/>
      <c r="QFQ25" s="6"/>
      <c r="QFR25" s="6"/>
      <c r="QFS25" s="6"/>
      <c r="QFT25" s="6"/>
      <c r="QFU25" s="6"/>
      <c r="QFV25" s="6"/>
      <c r="QFW25" s="6"/>
      <c r="QFX25" s="6"/>
      <c r="QFY25" s="6"/>
      <c r="QFZ25" s="6"/>
      <c r="QGA25" s="6"/>
      <c r="QGB25" s="6"/>
      <c r="QGC25" s="6"/>
      <c r="QGD25" s="6"/>
      <c r="QGE25" s="6"/>
      <c r="QGF25" s="6"/>
      <c r="QGG25" s="6"/>
      <c r="QGH25" s="6"/>
      <c r="QGI25" s="6"/>
      <c r="QGJ25" s="6"/>
      <c r="QGK25" s="6"/>
      <c r="QGL25" s="6"/>
      <c r="QGM25" s="6"/>
      <c r="QGN25" s="6"/>
      <c r="QGO25" s="6"/>
      <c r="QGP25" s="6"/>
      <c r="QGQ25" s="6"/>
      <c r="QGR25" s="6"/>
      <c r="QGS25" s="6"/>
      <c r="QGT25" s="6"/>
      <c r="QGU25" s="6"/>
      <c r="QGV25" s="6"/>
      <c r="QGW25" s="6"/>
      <c r="QGX25" s="6"/>
      <c r="QGY25" s="6"/>
      <c r="QGZ25" s="6"/>
      <c r="QHA25" s="6"/>
      <c r="QHB25" s="6"/>
      <c r="QHC25" s="6"/>
      <c r="QHD25" s="6"/>
      <c r="QHE25" s="6"/>
      <c r="QHF25" s="6"/>
      <c r="QHG25" s="6"/>
      <c r="QHH25" s="6"/>
      <c r="QHI25" s="6"/>
      <c r="QHJ25" s="6"/>
      <c r="QHK25" s="6"/>
      <c r="QHL25" s="6"/>
      <c r="QHM25" s="6"/>
      <c r="QHN25" s="6"/>
      <c r="QHO25" s="6"/>
      <c r="QHP25" s="6"/>
      <c r="QHQ25" s="6"/>
      <c r="QHR25" s="6"/>
      <c r="QHS25" s="6"/>
      <c r="QHT25" s="6"/>
      <c r="QHU25" s="6"/>
      <c r="QHV25" s="6"/>
      <c r="QHW25" s="6"/>
      <c r="QHX25" s="6"/>
      <c r="QHY25" s="6"/>
      <c r="QHZ25" s="6"/>
      <c r="QIA25" s="6"/>
      <c r="QIB25" s="6"/>
      <c r="QIC25" s="6"/>
      <c r="QID25" s="6"/>
      <c r="QIE25" s="6"/>
      <c r="QIF25" s="6"/>
      <c r="QIG25" s="6"/>
      <c r="QIH25" s="6"/>
      <c r="QII25" s="6"/>
      <c r="QIJ25" s="6"/>
      <c r="QIK25" s="6"/>
      <c r="QIL25" s="6"/>
      <c r="QIM25" s="6"/>
      <c r="QIN25" s="6"/>
      <c r="QIO25" s="6"/>
      <c r="QIP25" s="6"/>
      <c r="QIQ25" s="6"/>
      <c r="QIR25" s="6"/>
      <c r="QIS25" s="6"/>
      <c r="QIT25" s="6"/>
      <c r="QIU25" s="6"/>
      <c r="QIV25" s="6"/>
      <c r="QIW25" s="6"/>
      <c r="QIX25" s="6"/>
      <c r="QIY25" s="6"/>
      <c r="QIZ25" s="6"/>
      <c r="QJA25" s="6"/>
      <c r="QJB25" s="6"/>
      <c r="QJC25" s="6"/>
      <c r="QJD25" s="6"/>
      <c r="QJE25" s="6"/>
      <c r="QJF25" s="6"/>
      <c r="QJG25" s="6"/>
      <c r="QJH25" s="6"/>
      <c r="QJI25" s="6"/>
      <c r="QJJ25" s="6"/>
      <c r="QJK25" s="6"/>
      <c r="QJL25" s="6"/>
      <c r="QJM25" s="6"/>
      <c r="QJN25" s="6"/>
      <c r="QJO25" s="6"/>
      <c r="QJP25" s="6"/>
      <c r="QJQ25" s="6"/>
      <c r="QJR25" s="6"/>
      <c r="QJS25" s="6"/>
      <c r="QJT25" s="6"/>
      <c r="QJU25" s="6"/>
      <c r="QJV25" s="6"/>
      <c r="QJW25" s="6"/>
      <c r="QJX25" s="6"/>
      <c r="QJY25" s="6"/>
      <c r="QJZ25" s="6"/>
      <c r="QKA25" s="6"/>
      <c r="QKB25" s="6"/>
      <c r="QKC25" s="6"/>
      <c r="QKD25" s="6"/>
      <c r="QKE25" s="6"/>
      <c r="QKF25" s="6"/>
      <c r="QKG25" s="6"/>
      <c r="QKH25" s="6"/>
      <c r="QKI25" s="6"/>
      <c r="QKJ25" s="6"/>
      <c r="QKK25" s="6"/>
      <c r="QKL25" s="6"/>
      <c r="QKM25" s="6"/>
      <c r="QKN25" s="6"/>
      <c r="QKO25" s="6"/>
      <c r="QKP25" s="6"/>
      <c r="QKQ25" s="6"/>
      <c r="QKR25" s="6"/>
      <c r="QKS25" s="6"/>
      <c r="QKT25" s="6"/>
      <c r="QKU25" s="6"/>
      <c r="QKV25" s="6"/>
      <c r="QKW25" s="6"/>
      <c r="QKX25" s="6"/>
      <c r="QKY25" s="6"/>
      <c r="QKZ25" s="6"/>
      <c r="QLA25" s="6"/>
      <c r="QLB25" s="6"/>
      <c r="QLC25" s="6"/>
      <c r="QLD25" s="6"/>
      <c r="QLE25" s="6"/>
      <c r="QLF25" s="6"/>
      <c r="QLG25" s="6"/>
      <c r="QLH25" s="6"/>
      <c r="QLI25" s="6"/>
      <c r="QLJ25" s="6"/>
      <c r="QLK25" s="6"/>
      <c r="QLL25" s="6"/>
      <c r="QLM25" s="6"/>
      <c r="QLN25" s="6"/>
      <c r="QLO25" s="6"/>
      <c r="QLP25" s="6"/>
      <c r="QLQ25" s="6"/>
      <c r="QLR25" s="6"/>
      <c r="QLS25" s="6"/>
      <c r="QLT25" s="6"/>
      <c r="QLU25" s="6"/>
      <c r="QLV25" s="6"/>
      <c r="QLW25" s="6"/>
      <c r="QLX25" s="6"/>
      <c r="QLY25" s="6"/>
      <c r="QLZ25" s="6"/>
      <c r="QMA25" s="6"/>
      <c r="QMB25" s="6"/>
      <c r="QMC25" s="6"/>
      <c r="QMD25" s="6"/>
      <c r="QME25" s="6"/>
      <c r="QMF25" s="6"/>
      <c r="QMG25" s="6"/>
      <c r="QMH25" s="6"/>
      <c r="QMI25" s="6"/>
      <c r="QMJ25" s="6"/>
      <c r="QMK25" s="6"/>
      <c r="QML25" s="6"/>
      <c r="QMM25" s="6"/>
      <c r="QMN25" s="6"/>
      <c r="QMO25" s="6"/>
      <c r="QMP25" s="6"/>
      <c r="QMQ25" s="6"/>
      <c r="QMR25" s="6"/>
      <c r="QMS25" s="6"/>
      <c r="QMT25" s="6"/>
      <c r="QMU25" s="6"/>
      <c r="QMV25" s="6"/>
      <c r="QMW25" s="6"/>
      <c r="QMX25" s="6"/>
      <c r="QMY25" s="6"/>
      <c r="QMZ25" s="6"/>
      <c r="QNA25" s="6"/>
      <c r="QNB25" s="6"/>
      <c r="QNC25" s="6"/>
      <c r="QND25" s="6"/>
      <c r="QNE25" s="6"/>
      <c r="QNF25" s="6"/>
      <c r="QNG25" s="6"/>
      <c r="QNH25" s="6"/>
      <c r="QNI25" s="6"/>
      <c r="QNJ25" s="6"/>
      <c r="QNK25" s="6"/>
      <c r="QNL25" s="6"/>
      <c r="QNM25" s="6"/>
      <c r="QNN25" s="6"/>
      <c r="QNO25" s="6"/>
      <c r="QNP25" s="6"/>
      <c r="QNQ25" s="6"/>
      <c r="QNR25" s="6"/>
      <c r="QNS25" s="6"/>
      <c r="QNT25" s="6"/>
      <c r="QNU25" s="6"/>
      <c r="QNV25" s="6"/>
      <c r="QNW25" s="6"/>
      <c r="QNX25" s="6"/>
      <c r="QNY25" s="6"/>
      <c r="QNZ25" s="6"/>
      <c r="QOA25" s="6"/>
      <c r="QOB25" s="6"/>
      <c r="QOC25" s="6"/>
      <c r="QOD25" s="6"/>
      <c r="QOE25" s="6"/>
      <c r="QOF25" s="6"/>
      <c r="QOG25" s="6"/>
      <c r="QOH25" s="6"/>
      <c r="QOI25" s="6"/>
      <c r="QOJ25" s="6"/>
      <c r="QOK25" s="6"/>
      <c r="QOL25" s="6"/>
      <c r="QOM25" s="6"/>
      <c r="QON25" s="6"/>
      <c r="QOO25" s="6"/>
      <c r="QOP25" s="6"/>
      <c r="QOQ25" s="6"/>
      <c r="QOR25" s="6"/>
      <c r="QOS25" s="6"/>
      <c r="QOT25" s="6"/>
      <c r="QOU25" s="6"/>
      <c r="QOV25" s="6"/>
      <c r="QOW25" s="6"/>
      <c r="QOX25" s="6"/>
      <c r="QOY25" s="6"/>
      <c r="QOZ25" s="6"/>
      <c r="QPA25" s="6"/>
      <c r="QPB25" s="6"/>
      <c r="QPC25" s="6"/>
      <c r="QPD25" s="6"/>
      <c r="QPE25" s="6"/>
      <c r="QPF25" s="6"/>
      <c r="QPG25" s="6"/>
      <c r="QPH25" s="6"/>
      <c r="QPI25" s="6"/>
      <c r="QPJ25" s="6"/>
      <c r="QPK25" s="6"/>
      <c r="QPL25" s="6"/>
      <c r="QPM25" s="6"/>
      <c r="QPN25" s="6"/>
      <c r="QPO25" s="6"/>
      <c r="QPP25" s="6"/>
      <c r="QPQ25" s="6"/>
      <c r="QPR25" s="6"/>
      <c r="QPS25" s="6"/>
      <c r="QPT25" s="6"/>
      <c r="QPU25" s="6"/>
      <c r="QPV25" s="6"/>
      <c r="QPW25" s="6"/>
      <c r="QPX25" s="6"/>
      <c r="QPY25" s="6"/>
      <c r="QPZ25" s="6"/>
      <c r="QQA25" s="6"/>
      <c r="QQB25" s="6"/>
      <c r="QQC25" s="6"/>
      <c r="QQD25" s="6"/>
      <c r="QQE25" s="6"/>
      <c r="QQF25" s="6"/>
      <c r="QQG25" s="6"/>
      <c r="QQH25" s="6"/>
      <c r="QQI25" s="6"/>
      <c r="QQJ25" s="6"/>
      <c r="QQK25" s="6"/>
      <c r="QQL25" s="6"/>
      <c r="QQM25" s="6"/>
      <c r="QQN25" s="6"/>
      <c r="QQO25" s="6"/>
      <c r="QQP25" s="6"/>
      <c r="QQQ25" s="6"/>
      <c r="QQR25" s="6"/>
      <c r="QQS25" s="6"/>
      <c r="QQT25" s="6"/>
      <c r="QQU25" s="6"/>
      <c r="QQV25" s="6"/>
      <c r="QQW25" s="6"/>
      <c r="QQX25" s="6"/>
      <c r="QQY25" s="6"/>
      <c r="QQZ25" s="6"/>
      <c r="QRA25" s="6"/>
      <c r="QRB25" s="6"/>
      <c r="QRC25" s="6"/>
      <c r="QRD25" s="6"/>
      <c r="QRE25" s="6"/>
      <c r="QRF25" s="6"/>
      <c r="QRG25" s="6"/>
      <c r="QRH25" s="6"/>
      <c r="QRI25" s="6"/>
      <c r="QRJ25" s="6"/>
      <c r="QRK25" s="6"/>
      <c r="QRL25" s="6"/>
      <c r="QRM25" s="6"/>
      <c r="QRN25" s="6"/>
      <c r="QRO25" s="6"/>
      <c r="QRP25" s="6"/>
      <c r="QRQ25" s="6"/>
      <c r="QRR25" s="6"/>
      <c r="QRS25" s="6"/>
      <c r="QRT25" s="6"/>
      <c r="QRU25" s="6"/>
      <c r="QRV25" s="6"/>
      <c r="QRW25" s="6"/>
      <c r="QRX25" s="6"/>
      <c r="QRY25" s="6"/>
      <c r="QRZ25" s="6"/>
      <c r="QSA25" s="6"/>
      <c r="QSB25" s="6"/>
      <c r="QSC25" s="6"/>
      <c r="QSD25" s="6"/>
      <c r="QSE25" s="6"/>
      <c r="QSF25" s="6"/>
      <c r="QSG25" s="6"/>
      <c r="QSH25" s="6"/>
      <c r="QSI25" s="6"/>
      <c r="QSJ25" s="6"/>
      <c r="QSK25" s="6"/>
      <c r="QSL25" s="6"/>
      <c r="QSM25" s="6"/>
      <c r="QSN25" s="6"/>
      <c r="QSO25" s="6"/>
      <c r="QSP25" s="6"/>
      <c r="QSQ25" s="6"/>
      <c r="QSR25" s="6"/>
      <c r="QSS25" s="6"/>
      <c r="QST25" s="6"/>
      <c r="QSU25" s="6"/>
      <c r="QSV25" s="6"/>
      <c r="QSW25" s="6"/>
      <c r="QSX25" s="6"/>
      <c r="QSY25" s="6"/>
      <c r="QSZ25" s="6"/>
      <c r="QTA25" s="6"/>
      <c r="QTB25" s="6"/>
      <c r="QTC25" s="6"/>
      <c r="QTD25" s="6"/>
      <c r="QTE25" s="6"/>
      <c r="QTF25" s="6"/>
      <c r="QTG25" s="6"/>
      <c r="QTH25" s="6"/>
      <c r="QTI25" s="6"/>
      <c r="QTJ25" s="6"/>
      <c r="QTK25" s="6"/>
      <c r="QTL25" s="6"/>
      <c r="QTM25" s="6"/>
      <c r="QTN25" s="6"/>
      <c r="QTO25" s="6"/>
      <c r="QTP25" s="6"/>
      <c r="QTQ25" s="6"/>
      <c r="QTR25" s="6"/>
      <c r="QTS25" s="6"/>
      <c r="QTT25" s="6"/>
      <c r="QTU25" s="6"/>
      <c r="QTV25" s="6"/>
      <c r="QTW25" s="6"/>
      <c r="QTX25" s="6"/>
      <c r="QTY25" s="6"/>
      <c r="QTZ25" s="6"/>
      <c r="QUA25" s="6"/>
      <c r="QUB25" s="6"/>
      <c r="QUC25" s="6"/>
      <c r="QUD25" s="6"/>
      <c r="QUE25" s="6"/>
      <c r="QUF25" s="6"/>
      <c r="QUG25" s="6"/>
      <c r="QUH25" s="6"/>
      <c r="QUI25" s="6"/>
      <c r="QUJ25" s="6"/>
      <c r="QUK25" s="6"/>
      <c r="QUL25" s="6"/>
      <c r="QUM25" s="6"/>
      <c r="QUN25" s="6"/>
      <c r="QUO25" s="6"/>
      <c r="QUP25" s="6"/>
      <c r="QUQ25" s="6"/>
      <c r="QUR25" s="6"/>
      <c r="QUS25" s="6"/>
      <c r="QUT25" s="6"/>
      <c r="QUU25" s="6"/>
      <c r="QUV25" s="6"/>
      <c r="QUW25" s="6"/>
      <c r="QUX25" s="6"/>
      <c r="QUY25" s="6"/>
      <c r="QUZ25" s="6"/>
      <c r="QVA25" s="6"/>
      <c r="QVB25" s="6"/>
      <c r="QVC25" s="6"/>
      <c r="QVD25" s="6"/>
      <c r="QVE25" s="6"/>
      <c r="QVF25" s="6"/>
      <c r="QVG25" s="6"/>
      <c r="QVH25" s="6"/>
      <c r="QVI25" s="6"/>
      <c r="QVJ25" s="6"/>
      <c r="QVK25" s="6"/>
      <c r="QVL25" s="6"/>
      <c r="QVM25" s="6"/>
      <c r="QVN25" s="6"/>
      <c r="QVO25" s="6"/>
      <c r="QVP25" s="6"/>
      <c r="QVQ25" s="6"/>
      <c r="QVR25" s="6"/>
      <c r="QVS25" s="6"/>
      <c r="QVT25" s="6"/>
      <c r="QVU25" s="6"/>
      <c r="QVV25" s="6"/>
      <c r="QVW25" s="6"/>
      <c r="QVX25" s="6"/>
      <c r="QVY25" s="6"/>
      <c r="QVZ25" s="6"/>
      <c r="QWA25" s="6"/>
      <c r="QWB25" s="6"/>
      <c r="QWC25" s="6"/>
      <c r="QWD25" s="6"/>
      <c r="QWE25" s="6"/>
      <c r="QWF25" s="6"/>
      <c r="QWG25" s="6"/>
      <c r="QWH25" s="6"/>
      <c r="QWI25" s="6"/>
      <c r="QWJ25" s="6"/>
      <c r="QWK25" s="6"/>
      <c r="QWL25" s="6"/>
      <c r="QWM25" s="6"/>
      <c r="QWN25" s="6"/>
      <c r="QWO25" s="6"/>
      <c r="QWP25" s="6"/>
      <c r="QWQ25" s="6"/>
      <c r="QWR25" s="6"/>
      <c r="QWS25" s="6"/>
      <c r="QWT25" s="6"/>
      <c r="QWU25" s="6"/>
      <c r="QWV25" s="6"/>
      <c r="QWW25" s="6"/>
      <c r="QWX25" s="6"/>
      <c r="QWY25" s="6"/>
      <c r="QWZ25" s="6"/>
      <c r="QXA25" s="6"/>
      <c r="QXB25" s="6"/>
      <c r="QXC25" s="6"/>
      <c r="QXD25" s="6"/>
      <c r="QXE25" s="6"/>
      <c r="QXF25" s="6"/>
      <c r="QXG25" s="6"/>
      <c r="QXH25" s="6"/>
      <c r="QXI25" s="6"/>
      <c r="QXJ25" s="6"/>
      <c r="QXK25" s="6"/>
      <c r="QXL25" s="6"/>
      <c r="QXM25" s="6"/>
      <c r="QXN25" s="6"/>
      <c r="QXO25" s="6"/>
      <c r="QXP25" s="6"/>
      <c r="QXQ25" s="6"/>
      <c r="QXR25" s="6"/>
      <c r="QXS25" s="6"/>
      <c r="QXT25" s="6"/>
      <c r="QXU25" s="6"/>
      <c r="QXV25" s="6"/>
      <c r="QXW25" s="6"/>
      <c r="QXX25" s="6"/>
      <c r="QXY25" s="6"/>
      <c r="QXZ25" s="6"/>
      <c r="QYA25" s="6"/>
      <c r="QYB25" s="6"/>
      <c r="QYC25" s="6"/>
      <c r="QYD25" s="6"/>
      <c r="QYE25" s="6"/>
      <c r="QYF25" s="6"/>
      <c r="QYG25" s="6"/>
      <c r="QYH25" s="6"/>
      <c r="QYI25" s="6"/>
      <c r="QYJ25" s="6"/>
      <c r="QYK25" s="6"/>
      <c r="QYL25" s="6"/>
      <c r="QYM25" s="6"/>
      <c r="QYN25" s="6"/>
      <c r="QYO25" s="6"/>
      <c r="QYP25" s="6"/>
      <c r="QYQ25" s="6"/>
      <c r="QYR25" s="6"/>
      <c r="QYS25" s="6"/>
      <c r="QYT25" s="6"/>
      <c r="QYU25" s="6"/>
      <c r="QYV25" s="6"/>
      <c r="QYW25" s="6"/>
      <c r="QYX25" s="6"/>
      <c r="QYY25" s="6"/>
      <c r="QYZ25" s="6"/>
      <c r="QZA25" s="6"/>
      <c r="QZB25" s="6"/>
      <c r="QZC25" s="6"/>
      <c r="QZD25" s="6"/>
      <c r="QZE25" s="6"/>
      <c r="QZF25" s="6"/>
      <c r="QZG25" s="6"/>
      <c r="QZH25" s="6"/>
      <c r="QZI25" s="6"/>
      <c r="QZJ25" s="6"/>
      <c r="QZK25" s="6"/>
      <c r="QZL25" s="6"/>
      <c r="QZM25" s="6"/>
      <c r="QZN25" s="6"/>
      <c r="QZO25" s="6"/>
      <c r="QZP25" s="6"/>
      <c r="QZQ25" s="6"/>
      <c r="QZR25" s="6"/>
      <c r="QZS25" s="6"/>
      <c r="QZT25" s="6"/>
      <c r="QZU25" s="6"/>
      <c r="QZV25" s="6"/>
      <c r="QZW25" s="6"/>
      <c r="QZX25" s="6"/>
      <c r="QZY25" s="6"/>
      <c r="QZZ25" s="6"/>
      <c r="RAA25" s="6"/>
      <c r="RAB25" s="6"/>
      <c r="RAC25" s="6"/>
      <c r="RAD25" s="6"/>
      <c r="RAE25" s="6"/>
      <c r="RAF25" s="6"/>
      <c r="RAG25" s="6"/>
      <c r="RAH25" s="6"/>
      <c r="RAI25" s="6"/>
      <c r="RAJ25" s="6"/>
      <c r="RAK25" s="6"/>
      <c r="RAL25" s="6"/>
      <c r="RAM25" s="6"/>
      <c r="RAN25" s="6"/>
      <c r="RAO25" s="6"/>
      <c r="RAP25" s="6"/>
      <c r="RAQ25" s="6"/>
      <c r="RAR25" s="6"/>
      <c r="RAS25" s="6"/>
      <c r="RAT25" s="6"/>
      <c r="RAU25" s="6"/>
      <c r="RAV25" s="6"/>
      <c r="RAW25" s="6"/>
      <c r="RAX25" s="6"/>
      <c r="RAY25" s="6"/>
      <c r="RAZ25" s="6"/>
      <c r="RBA25" s="6"/>
      <c r="RBB25" s="6"/>
      <c r="RBC25" s="6"/>
      <c r="RBD25" s="6"/>
      <c r="RBE25" s="6"/>
      <c r="RBF25" s="6"/>
      <c r="RBG25" s="6"/>
      <c r="RBH25" s="6"/>
      <c r="RBI25" s="6"/>
      <c r="RBJ25" s="6"/>
      <c r="RBK25" s="6"/>
      <c r="RBL25" s="6"/>
      <c r="RBM25" s="6"/>
      <c r="RBN25" s="6"/>
      <c r="RBO25" s="6"/>
      <c r="RBP25" s="6"/>
      <c r="RBQ25" s="6"/>
      <c r="RBR25" s="6"/>
      <c r="RBS25" s="6"/>
      <c r="RBT25" s="6"/>
      <c r="RBU25" s="6"/>
      <c r="RBV25" s="6"/>
      <c r="RBW25" s="6"/>
      <c r="RBX25" s="6"/>
      <c r="RBY25" s="6"/>
      <c r="RBZ25" s="6"/>
      <c r="RCA25" s="6"/>
      <c r="RCB25" s="6"/>
      <c r="RCC25" s="6"/>
      <c r="RCD25" s="6"/>
      <c r="RCE25" s="6"/>
      <c r="RCF25" s="6"/>
      <c r="RCG25" s="6"/>
      <c r="RCH25" s="6"/>
      <c r="RCI25" s="6"/>
      <c r="RCJ25" s="6"/>
      <c r="RCK25" s="6"/>
      <c r="RCL25" s="6"/>
      <c r="RCM25" s="6"/>
      <c r="RCN25" s="6"/>
      <c r="RCO25" s="6"/>
      <c r="RCP25" s="6"/>
      <c r="RCQ25" s="6"/>
      <c r="RCR25" s="6"/>
      <c r="RCS25" s="6"/>
      <c r="RCT25" s="6"/>
      <c r="RCU25" s="6"/>
      <c r="RCV25" s="6"/>
      <c r="RCW25" s="6"/>
      <c r="RCX25" s="6"/>
      <c r="RCY25" s="6"/>
      <c r="RCZ25" s="6"/>
      <c r="RDA25" s="6"/>
      <c r="RDB25" s="6"/>
      <c r="RDC25" s="6"/>
      <c r="RDD25" s="6"/>
      <c r="RDE25" s="6"/>
      <c r="RDF25" s="6"/>
      <c r="RDG25" s="6"/>
      <c r="RDH25" s="6"/>
      <c r="RDI25" s="6"/>
      <c r="RDJ25" s="6"/>
      <c r="RDK25" s="6"/>
      <c r="RDL25" s="6"/>
      <c r="RDM25" s="6"/>
      <c r="RDN25" s="6"/>
      <c r="RDO25" s="6"/>
      <c r="RDP25" s="6"/>
      <c r="RDQ25" s="6"/>
      <c r="RDR25" s="6"/>
      <c r="RDS25" s="6"/>
      <c r="RDT25" s="6"/>
      <c r="RDU25" s="6"/>
      <c r="RDV25" s="6"/>
      <c r="RDW25" s="6"/>
      <c r="RDX25" s="6"/>
      <c r="RDY25" s="6"/>
      <c r="RDZ25" s="6"/>
      <c r="REA25" s="6"/>
      <c r="REB25" s="6"/>
      <c r="REC25" s="6"/>
      <c r="RED25" s="6"/>
      <c r="REE25" s="6"/>
      <c r="REF25" s="6"/>
      <c r="REG25" s="6"/>
      <c r="REH25" s="6"/>
      <c r="REI25" s="6"/>
      <c r="REJ25" s="6"/>
      <c r="REK25" s="6"/>
      <c r="REL25" s="6"/>
      <c r="REM25" s="6"/>
      <c r="REN25" s="6"/>
      <c r="REO25" s="6"/>
      <c r="REP25" s="6"/>
      <c r="REQ25" s="6"/>
      <c r="RER25" s="6"/>
      <c r="RES25" s="6"/>
      <c r="RET25" s="6"/>
      <c r="REU25" s="6"/>
      <c r="REV25" s="6"/>
      <c r="REW25" s="6"/>
      <c r="REX25" s="6"/>
      <c r="REY25" s="6"/>
      <c r="REZ25" s="6"/>
      <c r="RFA25" s="6"/>
      <c r="RFB25" s="6"/>
      <c r="RFC25" s="6"/>
      <c r="RFD25" s="6"/>
      <c r="RFE25" s="6"/>
      <c r="RFF25" s="6"/>
      <c r="RFG25" s="6"/>
      <c r="RFH25" s="6"/>
      <c r="RFI25" s="6"/>
      <c r="RFJ25" s="6"/>
      <c r="RFK25" s="6"/>
      <c r="RFL25" s="6"/>
      <c r="RFM25" s="6"/>
      <c r="RFN25" s="6"/>
      <c r="RFO25" s="6"/>
      <c r="RFP25" s="6"/>
      <c r="RFQ25" s="6"/>
      <c r="RFR25" s="6"/>
      <c r="RFS25" s="6"/>
      <c r="RFT25" s="6"/>
      <c r="RFU25" s="6"/>
      <c r="RFV25" s="6"/>
      <c r="RFW25" s="6"/>
      <c r="RFX25" s="6"/>
      <c r="RFY25" s="6"/>
      <c r="RFZ25" s="6"/>
      <c r="RGA25" s="6"/>
      <c r="RGB25" s="6"/>
      <c r="RGC25" s="6"/>
      <c r="RGD25" s="6"/>
      <c r="RGE25" s="6"/>
      <c r="RGF25" s="6"/>
      <c r="RGG25" s="6"/>
      <c r="RGH25" s="6"/>
      <c r="RGI25" s="6"/>
      <c r="RGJ25" s="6"/>
      <c r="RGK25" s="6"/>
      <c r="RGL25" s="6"/>
      <c r="RGM25" s="6"/>
      <c r="RGN25" s="6"/>
      <c r="RGO25" s="6"/>
      <c r="RGP25" s="6"/>
      <c r="RGQ25" s="6"/>
      <c r="RGR25" s="6"/>
      <c r="RGS25" s="6"/>
      <c r="RGT25" s="6"/>
      <c r="RGU25" s="6"/>
      <c r="RGV25" s="6"/>
      <c r="RGW25" s="6"/>
      <c r="RGX25" s="6"/>
      <c r="RGY25" s="6"/>
      <c r="RGZ25" s="6"/>
      <c r="RHA25" s="6"/>
      <c r="RHB25" s="6"/>
      <c r="RHC25" s="6"/>
      <c r="RHD25" s="6"/>
      <c r="RHE25" s="6"/>
      <c r="RHF25" s="6"/>
      <c r="RHG25" s="6"/>
      <c r="RHH25" s="6"/>
      <c r="RHI25" s="6"/>
      <c r="RHJ25" s="6"/>
      <c r="RHK25" s="6"/>
      <c r="RHL25" s="6"/>
      <c r="RHM25" s="6"/>
      <c r="RHN25" s="6"/>
      <c r="RHO25" s="6"/>
      <c r="RHP25" s="6"/>
      <c r="RHQ25" s="6"/>
      <c r="RHR25" s="6"/>
      <c r="RHS25" s="6"/>
      <c r="RHT25" s="6"/>
      <c r="RHU25" s="6"/>
      <c r="RHV25" s="6"/>
      <c r="RHW25" s="6"/>
      <c r="RHX25" s="6"/>
      <c r="RHY25" s="6"/>
      <c r="RHZ25" s="6"/>
      <c r="RIA25" s="6"/>
      <c r="RIB25" s="6"/>
      <c r="RIC25" s="6"/>
      <c r="RID25" s="6"/>
      <c r="RIE25" s="6"/>
      <c r="RIF25" s="6"/>
      <c r="RIG25" s="6"/>
      <c r="RIH25" s="6"/>
      <c r="RII25" s="6"/>
      <c r="RIJ25" s="6"/>
      <c r="RIK25" s="6"/>
      <c r="RIL25" s="6"/>
      <c r="RIM25" s="6"/>
      <c r="RIN25" s="6"/>
      <c r="RIO25" s="6"/>
      <c r="RIP25" s="6"/>
      <c r="RIQ25" s="6"/>
      <c r="RIR25" s="6"/>
      <c r="RIS25" s="6"/>
      <c r="RIT25" s="6"/>
      <c r="RIU25" s="6"/>
      <c r="RIV25" s="6"/>
      <c r="RIW25" s="6"/>
      <c r="RIX25" s="6"/>
      <c r="RIY25" s="6"/>
      <c r="RIZ25" s="6"/>
      <c r="RJA25" s="6"/>
      <c r="RJB25" s="6"/>
      <c r="RJC25" s="6"/>
      <c r="RJD25" s="6"/>
      <c r="RJE25" s="6"/>
      <c r="RJF25" s="6"/>
      <c r="RJG25" s="6"/>
      <c r="RJH25" s="6"/>
      <c r="RJI25" s="6"/>
      <c r="RJJ25" s="6"/>
      <c r="RJK25" s="6"/>
      <c r="RJL25" s="6"/>
      <c r="RJM25" s="6"/>
      <c r="RJN25" s="6"/>
      <c r="RJO25" s="6"/>
      <c r="RJP25" s="6"/>
      <c r="RJQ25" s="6"/>
      <c r="RJR25" s="6"/>
      <c r="RJS25" s="6"/>
      <c r="RJT25" s="6"/>
      <c r="RJU25" s="6"/>
      <c r="RJV25" s="6"/>
      <c r="RJW25" s="6"/>
      <c r="RJX25" s="6"/>
      <c r="RJY25" s="6"/>
      <c r="RJZ25" s="6"/>
      <c r="RKA25" s="6"/>
      <c r="RKB25" s="6"/>
      <c r="RKC25" s="6"/>
      <c r="RKD25" s="6"/>
      <c r="RKE25" s="6"/>
      <c r="RKF25" s="6"/>
      <c r="RKG25" s="6"/>
      <c r="RKH25" s="6"/>
      <c r="RKI25" s="6"/>
      <c r="RKJ25" s="6"/>
      <c r="RKK25" s="6"/>
      <c r="RKL25" s="6"/>
      <c r="RKM25" s="6"/>
      <c r="RKN25" s="6"/>
      <c r="RKO25" s="6"/>
      <c r="RKP25" s="6"/>
      <c r="RKQ25" s="6"/>
      <c r="RKR25" s="6"/>
      <c r="RKS25" s="6"/>
      <c r="RKT25" s="6"/>
      <c r="RKU25" s="6"/>
      <c r="RKV25" s="6"/>
      <c r="RKW25" s="6"/>
      <c r="RKX25" s="6"/>
      <c r="RKY25" s="6"/>
      <c r="RKZ25" s="6"/>
      <c r="RLA25" s="6"/>
      <c r="RLB25" s="6"/>
      <c r="RLC25" s="6"/>
      <c r="RLD25" s="6"/>
      <c r="RLE25" s="6"/>
      <c r="RLF25" s="6"/>
      <c r="RLG25" s="6"/>
      <c r="RLH25" s="6"/>
      <c r="RLI25" s="6"/>
      <c r="RLJ25" s="6"/>
      <c r="RLK25" s="6"/>
      <c r="RLL25" s="6"/>
      <c r="RLM25" s="6"/>
      <c r="RLN25" s="6"/>
      <c r="RLO25" s="6"/>
      <c r="RLP25" s="6"/>
      <c r="RLQ25" s="6"/>
      <c r="RLR25" s="6"/>
      <c r="RLS25" s="6"/>
      <c r="RLT25" s="6"/>
      <c r="RLU25" s="6"/>
      <c r="RLV25" s="6"/>
      <c r="RLW25" s="6"/>
      <c r="RLX25" s="6"/>
      <c r="RLY25" s="6"/>
      <c r="RLZ25" s="6"/>
      <c r="RMA25" s="6"/>
      <c r="RMB25" s="6"/>
      <c r="RMC25" s="6"/>
      <c r="RMD25" s="6"/>
      <c r="RME25" s="6"/>
      <c r="RMF25" s="6"/>
      <c r="RMG25" s="6"/>
      <c r="RMH25" s="6"/>
      <c r="RMI25" s="6"/>
      <c r="RMJ25" s="6"/>
      <c r="RMK25" s="6"/>
      <c r="RML25" s="6"/>
      <c r="RMM25" s="6"/>
      <c r="RMN25" s="6"/>
      <c r="RMO25" s="6"/>
      <c r="RMP25" s="6"/>
      <c r="RMQ25" s="6"/>
      <c r="RMR25" s="6"/>
      <c r="RMS25" s="6"/>
      <c r="RMT25" s="6"/>
      <c r="RMU25" s="6"/>
      <c r="RMV25" s="6"/>
      <c r="RMW25" s="6"/>
      <c r="RMX25" s="6"/>
      <c r="RMY25" s="6"/>
      <c r="RMZ25" s="6"/>
      <c r="RNA25" s="6"/>
      <c r="RNB25" s="6"/>
      <c r="RNC25" s="6"/>
      <c r="RND25" s="6"/>
      <c r="RNE25" s="6"/>
      <c r="RNF25" s="6"/>
      <c r="RNG25" s="6"/>
      <c r="RNH25" s="6"/>
      <c r="RNI25" s="6"/>
      <c r="RNJ25" s="6"/>
      <c r="RNK25" s="6"/>
      <c r="RNL25" s="6"/>
      <c r="RNM25" s="6"/>
      <c r="RNN25" s="6"/>
      <c r="RNO25" s="6"/>
      <c r="RNP25" s="6"/>
      <c r="RNQ25" s="6"/>
      <c r="RNR25" s="6"/>
      <c r="RNS25" s="6"/>
      <c r="RNT25" s="6"/>
      <c r="RNU25" s="6"/>
      <c r="RNV25" s="6"/>
      <c r="RNW25" s="6"/>
      <c r="RNX25" s="6"/>
      <c r="RNY25" s="6"/>
      <c r="RNZ25" s="6"/>
      <c r="ROA25" s="6"/>
      <c r="ROB25" s="6"/>
      <c r="ROC25" s="6"/>
      <c r="ROD25" s="6"/>
      <c r="ROE25" s="6"/>
      <c r="ROF25" s="6"/>
      <c r="ROG25" s="6"/>
      <c r="ROH25" s="6"/>
      <c r="ROI25" s="6"/>
      <c r="ROJ25" s="6"/>
      <c r="ROK25" s="6"/>
      <c r="ROL25" s="6"/>
      <c r="ROM25" s="6"/>
      <c r="RON25" s="6"/>
      <c r="ROO25" s="6"/>
      <c r="ROP25" s="6"/>
      <c r="ROQ25" s="6"/>
      <c r="ROR25" s="6"/>
      <c r="ROS25" s="6"/>
      <c r="ROT25" s="6"/>
      <c r="ROU25" s="6"/>
      <c r="ROV25" s="6"/>
      <c r="ROW25" s="6"/>
      <c r="ROX25" s="6"/>
      <c r="ROY25" s="6"/>
      <c r="ROZ25" s="6"/>
      <c r="RPA25" s="6"/>
      <c r="RPB25" s="6"/>
      <c r="RPC25" s="6"/>
      <c r="RPD25" s="6"/>
      <c r="RPE25" s="6"/>
      <c r="RPF25" s="6"/>
      <c r="RPG25" s="6"/>
      <c r="RPH25" s="6"/>
      <c r="RPI25" s="6"/>
      <c r="RPJ25" s="6"/>
      <c r="RPK25" s="6"/>
      <c r="RPL25" s="6"/>
      <c r="RPM25" s="6"/>
      <c r="RPN25" s="6"/>
      <c r="RPO25" s="6"/>
      <c r="RPP25" s="6"/>
      <c r="RPQ25" s="6"/>
      <c r="RPR25" s="6"/>
      <c r="RPS25" s="6"/>
      <c r="RPT25" s="6"/>
      <c r="RPU25" s="6"/>
      <c r="RPV25" s="6"/>
      <c r="RPW25" s="6"/>
      <c r="RPX25" s="6"/>
      <c r="RPY25" s="6"/>
      <c r="RPZ25" s="6"/>
      <c r="RQA25" s="6"/>
      <c r="RQB25" s="6"/>
      <c r="RQC25" s="6"/>
      <c r="RQD25" s="6"/>
      <c r="RQE25" s="6"/>
      <c r="RQF25" s="6"/>
      <c r="RQG25" s="6"/>
      <c r="RQH25" s="6"/>
      <c r="RQI25" s="6"/>
      <c r="RQJ25" s="6"/>
      <c r="RQK25" s="6"/>
      <c r="RQL25" s="6"/>
      <c r="RQM25" s="6"/>
      <c r="RQN25" s="6"/>
      <c r="RQO25" s="6"/>
      <c r="RQP25" s="6"/>
      <c r="RQQ25" s="6"/>
      <c r="RQR25" s="6"/>
      <c r="RQS25" s="6"/>
      <c r="RQT25" s="6"/>
      <c r="RQU25" s="6"/>
      <c r="RQV25" s="6"/>
      <c r="RQW25" s="6"/>
      <c r="RQX25" s="6"/>
      <c r="RQY25" s="6"/>
      <c r="RQZ25" s="6"/>
      <c r="RRA25" s="6"/>
      <c r="RRB25" s="6"/>
      <c r="RRC25" s="6"/>
      <c r="RRD25" s="6"/>
      <c r="RRE25" s="6"/>
      <c r="RRF25" s="6"/>
      <c r="RRG25" s="6"/>
      <c r="RRH25" s="6"/>
      <c r="RRI25" s="6"/>
      <c r="RRJ25" s="6"/>
      <c r="RRK25" s="6"/>
      <c r="RRL25" s="6"/>
      <c r="RRM25" s="6"/>
      <c r="RRN25" s="6"/>
      <c r="RRO25" s="6"/>
      <c r="RRP25" s="6"/>
      <c r="RRQ25" s="6"/>
      <c r="RRR25" s="6"/>
      <c r="RRS25" s="6"/>
      <c r="RRT25" s="6"/>
      <c r="RRU25" s="6"/>
      <c r="RRV25" s="6"/>
      <c r="RRW25" s="6"/>
      <c r="RRX25" s="6"/>
      <c r="RRY25" s="6"/>
      <c r="RRZ25" s="6"/>
      <c r="RSA25" s="6"/>
      <c r="RSB25" s="6"/>
      <c r="RSC25" s="6"/>
      <c r="RSD25" s="6"/>
      <c r="RSE25" s="6"/>
      <c r="RSF25" s="6"/>
      <c r="RSG25" s="6"/>
      <c r="RSH25" s="6"/>
      <c r="RSI25" s="6"/>
      <c r="RSJ25" s="6"/>
      <c r="RSK25" s="6"/>
      <c r="RSL25" s="6"/>
      <c r="RSM25" s="6"/>
      <c r="RSN25" s="6"/>
      <c r="RSO25" s="6"/>
      <c r="RSP25" s="6"/>
      <c r="RSQ25" s="6"/>
      <c r="RSR25" s="6"/>
      <c r="RSS25" s="6"/>
      <c r="RST25" s="6"/>
      <c r="RSU25" s="6"/>
      <c r="RSV25" s="6"/>
      <c r="RSW25" s="6"/>
      <c r="RSX25" s="6"/>
      <c r="RSY25" s="6"/>
      <c r="RSZ25" s="6"/>
      <c r="RTA25" s="6"/>
      <c r="RTB25" s="6"/>
      <c r="RTC25" s="6"/>
      <c r="RTD25" s="6"/>
      <c r="RTE25" s="6"/>
      <c r="RTF25" s="6"/>
      <c r="RTG25" s="6"/>
      <c r="RTH25" s="6"/>
      <c r="RTI25" s="6"/>
      <c r="RTJ25" s="6"/>
      <c r="RTK25" s="6"/>
      <c r="RTL25" s="6"/>
      <c r="RTM25" s="6"/>
      <c r="RTN25" s="6"/>
      <c r="RTO25" s="6"/>
      <c r="RTP25" s="6"/>
      <c r="RTQ25" s="6"/>
      <c r="RTR25" s="6"/>
      <c r="RTS25" s="6"/>
      <c r="RTT25" s="6"/>
      <c r="RTU25" s="6"/>
      <c r="RTV25" s="6"/>
      <c r="RTW25" s="6"/>
      <c r="RTX25" s="6"/>
      <c r="RTY25" s="6"/>
      <c r="RTZ25" s="6"/>
      <c r="RUA25" s="6"/>
      <c r="RUB25" s="6"/>
      <c r="RUC25" s="6"/>
      <c r="RUD25" s="6"/>
      <c r="RUE25" s="6"/>
      <c r="RUF25" s="6"/>
      <c r="RUG25" s="6"/>
      <c r="RUH25" s="6"/>
      <c r="RUI25" s="6"/>
      <c r="RUJ25" s="6"/>
      <c r="RUK25" s="6"/>
      <c r="RUL25" s="6"/>
      <c r="RUM25" s="6"/>
      <c r="RUN25" s="6"/>
      <c r="RUO25" s="6"/>
      <c r="RUP25" s="6"/>
      <c r="RUQ25" s="6"/>
      <c r="RUR25" s="6"/>
      <c r="RUS25" s="6"/>
      <c r="RUT25" s="6"/>
      <c r="RUU25" s="6"/>
      <c r="RUV25" s="6"/>
      <c r="RUW25" s="6"/>
      <c r="RUX25" s="6"/>
      <c r="RUY25" s="6"/>
      <c r="RUZ25" s="6"/>
      <c r="RVA25" s="6"/>
      <c r="RVB25" s="6"/>
      <c r="RVC25" s="6"/>
      <c r="RVD25" s="6"/>
      <c r="RVE25" s="6"/>
      <c r="RVF25" s="6"/>
      <c r="RVG25" s="6"/>
      <c r="RVH25" s="6"/>
      <c r="RVI25" s="6"/>
      <c r="RVJ25" s="6"/>
      <c r="RVK25" s="6"/>
      <c r="RVL25" s="6"/>
      <c r="RVM25" s="6"/>
      <c r="RVN25" s="6"/>
      <c r="RVO25" s="6"/>
      <c r="RVP25" s="6"/>
      <c r="RVQ25" s="6"/>
      <c r="RVR25" s="6"/>
      <c r="RVS25" s="6"/>
      <c r="RVT25" s="6"/>
      <c r="RVU25" s="6"/>
      <c r="RVV25" s="6"/>
      <c r="RVW25" s="6"/>
      <c r="RVX25" s="6"/>
      <c r="RVY25" s="6"/>
      <c r="RVZ25" s="6"/>
      <c r="RWA25" s="6"/>
      <c r="RWB25" s="6"/>
      <c r="RWC25" s="6"/>
      <c r="RWD25" s="6"/>
      <c r="RWE25" s="6"/>
      <c r="RWF25" s="6"/>
      <c r="RWG25" s="6"/>
      <c r="RWH25" s="6"/>
      <c r="RWI25" s="6"/>
      <c r="RWJ25" s="6"/>
      <c r="RWK25" s="6"/>
      <c r="RWL25" s="6"/>
      <c r="RWM25" s="6"/>
      <c r="RWN25" s="6"/>
      <c r="RWO25" s="6"/>
      <c r="RWP25" s="6"/>
      <c r="RWQ25" s="6"/>
      <c r="RWR25" s="6"/>
      <c r="RWS25" s="6"/>
      <c r="RWT25" s="6"/>
      <c r="RWU25" s="6"/>
      <c r="RWV25" s="6"/>
      <c r="RWW25" s="6"/>
      <c r="RWX25" s="6"/>
      <c r="RWY25" s="6"/>
      <c r="RWZ25" s="6"/>
      <c r="RXA25" s="6"/>
      <c r="RXB25" s="6"/>
      <c r="RXC25" s="6"/>
      <c r="RXD25" s="6"/>
      <c r="RXE25" s="6"/>
      <c r="RXF25" s="6"/>
      <c r="RXG25" s="6"/>
      <c r="RXH25" s="6"/>
      <c r="RXI25" s="6"/>
      <c r="RXJ25" s="6"/>
      <c r="RXK25" s="6"/>
      <c r="RXL25" s="6"/>
      <c r="RXM25" s="6"/>
      <c r="RXN25" s="6"/>
      <c r="RXO25" s="6"/>
      <c r="RXP25" s="6"/>
      <c r="RXQ25" s="6"/>
      <c r="RXR25" s="6"/>
      <c r="RXS25" s="6"/>
      <c r="RXT25" s="6"/>
      <c r="RXU25" s="6"/>
      <c r="RXV25" s="6"/>
      <c r="RXW25" s="6"/>
      <c r="RXX25" s="6"/>
      <c r="RXY25" s="6"/>
      <c r="RXZ25" s="6"/>
      <c r="RYA25" s="6"/>
      <c r="RYB25" s="6"/>
      <c r="RYC25" s="6"/>
      <c r="RYD25" s="6"/>
      <c r="RYE25" s="6"/>
      <c r="RYF25" s="6"/>
      <c r="RYG25" s="6"/>
      <c r="RYH25" s="6"/>
      <c r="RYI25" s="6"/>
      <c r="RYJ25" s="6"/>
      <c r="RYK25" s="6"/>
      <c r="RYL25" s="6"/>
      <c r="RYM25" s="6"/>
      <c r="RYN25" s="6"/>
      <c r="RYO25" s="6"/>
      <c r="RYP25" s="6"/>
      <c r="RYQ25" s="6"/>
      <c r="RYR25" s="6"/>
      <c r="RYS25" s="6"/>
      <c r="RYT25" s="6"/>
      <c r="RYU25" s="6"/>
      <c r="RYV25" s="6"/>
      <c r="RYW25" s="6"/>
      <c r="RYX25" s="6"/>
      <c r="RYY25" s="6"/>
      <c r="RYZ25" s="6"/>
      <c r="RZA25" s="6"/>
      <c r="RZB25" s="6"/>
      <c r="RZC25" s="6"/>
      <c r="RZD25" s="6"/>
      <c r="RZE25" s="6"/>
      <c r="RZF25" s="6"/>
      <c r="RZG25" s="6"/>
      <c r="RZH25" s="6"/>
      <c r="RZI25" s="6"/>
      <c r="RZJ25" s="6"/>
      <c r="RZK25" s="6"/>
      <c r="RZL25" s="6"/>
      <c r="RZM25" s="6"/>
      <c r="RZN25" s="6"/>
      <c r="RZO25" s="6"/>
      <c r="RZP25" s="6"/>
      <c r="RZQ25" s="6"/>
      <c r="RZR25" s="6"/>
      <c r="RZS25" s="6"/>
      <c r="RZT25" s="6"/>
      <c r="RZU25" s="6"/>
      <c r="RZV25" s="6"/>
      <c r="RZW25" s="6"/>
      <c r="RZX25" s="6"/>
      <c r="RZY25" s="6"/>
      <c r="RZZ25" s="6"/>
      <c r="SAA25" s="6"/>
      <c r="SAB25" s="6"/>
      <c r="SAC25" s="6"/>
      <c r="SAD25" s="6"/>
      <c r="SAE25" s="6"/>
      <c r="SAF25" s="6"/>
      <c r="SAG25" s="6"/>
      <c r="SAH25" s="6"/>
      <c r="SAI25" s="6"/>
      <c r="SAJ25" s="6"/>
      <c r="SAK25" s="6"/>
      <c r="SAL25" s="6"/>
      <c r="SAM25" s="6"/>
      <c r="SAN25" s="6"/>
      <c r="SAO25" s="6"/>
      <c r="SAP25" s="6"/>
      <c r="SAQ25" s="6"/>
      <c r="SAR25" s="6"/>
      <c r="SAS25" s="6"/>
      <c r="SAT25" s="6"/>
      <c r="SAU25" s="6"/>
      <c r="SAV25" s="6"/>
      <c r="SAW25" s="6"/>
      <c r="SAX25" s="6"/>
      <c r="SAY25" s="6"/>
      <c r="SAZ25" s="6"/>
      <c r="SBA25" s="6"/>
      <c r="SBB25" s="6"/>
      <c r="SBC25" s="6"/>
      <c r="SBD25" s="6"/>
      <c r="SBE25" s="6"/>
      <c r="SBF25" s="6"/>
      <c r="SBG25" s="6"/>
      <c r="SBH25" s="6"/>
      <c r="SBI25" s="6"/>
      <c r="SBJ25" s="6"/>
      <c r="SBK25" s="6"/>
      <c r="SBL25" s="6"/>
      <c r="SBM25" s="6"/>
      <c r="SBN25" s="6"/>
      <c r="SBO25" s="6"/>
      <c r="SBP25" s="6"/>
      <c r="SBQ25" s="6"/>
      <c r="SBR25" s="6"/>
      <c r="SBS25" s="6"/>
      <c r="SBT25" s="6"/>
      <c r="SBU25" s="6"/>
      <c r="SBV25" s="6"/>
      <c r="SBW25" s="6"/>
      <c r="SBX25" s="6"/>
      <c r="SBY25" s="6"/>
      <c r="SBZ25" s="6"/>
      <c r="SCA25" s="6"/>
      <c r="SCB25" s="6"/>
      <c r="SCC25" s="6"/>
      <c r="SCD25" s="6"/>
      <c r="SCE25" s="6"/>
      <c r="SCF25" s="6"/>
      <c r="SCG25" s="6"/>
      <c r="SCH25" s="6"/>
      <c r="SCI25" s="6"/>
      <c r="SCJ25" s="6"/>
      <c r="SCK25" s="6"/>
      <c r="SCL25" s="6"/>
      <c r="SCM25" s="6"/>
      <c r="SCN25" s="6"/>
      <c r="SCO25" s="6"/>
      <c r="SCP25" s="6"/>
      <c r="SCQ25" s="6"/>
      <c r="SCR25" s="6"/>
      <c r="SCS25" s="6"/>
      <c r="SCT25" s="6"/>
      <c r="SCU25" s="6"/>
      <c r="SCV25" s="6"/>
      <c r="SCW25" s="6"/>
      <c r="SCX25" s="6"/>
      <c r="SCY25" s="6"/>
      <c r="SCZ25" s="6"/>
      <c r="SDA25" s="6"/>
      <c r="SDB25" s="6"/>
      <c r="SDC25" s="6"/>
      <c r="SDD25" s="6"/>
      <c r="SDE25" s="6"/>
      <c r="SDF25" s="6"/>
      <c r="SDG25" s="6"/>
      <c r="SDH25" s="6"/>
      <c r="SDI25" s="6"/>
      <c r="SDJ25" s="6"/>
      <c r="SDK25" s="6"/>
      <c r="SDL25" s="6"/>
      <c r="SDM25" s="6"/>
      <c r="SDN25" s="6"/>
      <c r="SDO25" s="6"/>
      <c r="SDP25" s="6"/>
      <c r="SDQ25" s="6"/>
      <c r="SDR25" s="6"/>
      <c r="SDS25" s="6"/>
      <c r="SDT25" s="6"/>
      <c r="SDU25" s="6"/>
      <c r="SDV25" s="6"/>
      <c r="SDW25" s="6"/>
      <c r="SDX25" s="6"/>
      <c r="SDY25" s="6"/>
      <c r="SDZ25" s="6"/>
      <c r="SEA25" s="6"/>
      <c r="SEB25" s="6"/>
      <c r="SEC25" s="6"/>
      <c r="SED25" s="6"/>
      <c r="SEE25" s="6"/>
      <c r="SEF25" s="6"/>
      <c r="SEG25" s="6"/>
      <c r="SEH25" s="6"/>
      <c r="SEI25" s="6"/>
      <c r="SEJ25" s="6"/>
      <c r="SEK25" s="6"/>
      <c r="SEL25" s="6"/>
      <c r="SEM25" s="6"/>
      <c r="SEN25" s="6"/>
      <c r="SEO25" s="6"/>
      <c r="SEP25" s="6"/>
      <c r="SEQ25" s="6"/>
      <c r="SER25" s="6"/>
      <c r="SES25" s="6"/>
      <c r="SET25" s="6"/>
      <c r="SEU25" s="6"/>
      <c r="SEV25" s="6"/>
      <c r="SEW25" s="6"/>
      <c r="SEX25" s="6"/>
      <c r="SEY25" s="6"/>
      <c r="SEZ25" s="6"/>
      <c r="SFA25" s="6"/>
      <c r="SFB25" s="6"/>
      <c r="SFC25" s="6"/>
      <c r="SFD25" s="6"/>
      <c r="SFE25" s="6"/>
      <c r="SFF25" s="6"/>
      <c r="SFG25" s="6"/>
      <c r="SFH25" s="6"/>
      <c r="SFI25" s="6"/>
      <c r="SFJ25" s="6"/>
      <c r="SFK25" s="6"/>
      <c r="SFL25" s="6"/>
      <c r="SFM25" s="6"/>
      <c r="SFN25" s="6"/>
      <c r="SFO25" s="6"/>
      <c r="SFP25" s="6"/>
      <c r="SFQ25" s="6"/>
      <c r="SFR25" s="6"/>
      <c r="SFS25" s="6"/>
      <c r="SFT25" s="6"/>
      <c r="SFU25" s="6"/>
      <c r="SFV25" s="6"/>
      <c r="SFW25" s="6"/>
      <c r="SFX25" s="6"/>
      <c r="SFY25" s="6"/>
      <c r="SFZ25" s="6"/>
      <c r="SGA25" s="6"/>
      <c r="SGB25" s="6"/>
      <c r="SGC25" s="6"/>
      <c r="SGD25" s="6"/>
      <c r="SGE25" s="6"/>
      <c r="SGF25" s="6"/>
      <c r="SGG25" s="6"/>
      <c r="SGH25" s="6"/>
      <c r="SGI25" s="6"/>
      <c r="SGJ25" s="6"/>
      <c r="SGK25" s="6"/>
      <c r="SGL25" s="6"/>
      <c r="SGM25" s="6"/>
      <c r="SGN25" s="6"/>
      <c r="SGO25" s="6"/>
      <c r="SGP25" s="6"/>
      <c r="SGQ25" s="6"/>
      <c r="SGR25" s="6"/>
      <c r="SGS25" s="6"/>
      <c r="SGT25" s="6"/>
      <c r="SGU25" s="6"/>
      <c r="SGV25" s="6"/>
      <c r="SGW25" s="6"/>
      <c r="SGX25" s="6"/>
      <c r="SGY25" s="6"/>
      <c r="SGZ25" s="6"/>
      <c r="SHA25" s="6"/>
      <c r="SHB25" s="6"/>
      <c r="SHC25" s="6"/>
      <c r="SHD25" s="6"/>
      <c r="SHE25" s="6"/>
      <c r="SHF25" s="6"/>
      <c r="SHG25" s="6"/>
      <c r="SHH25" s="6"/>
      <c r="SHI25" s="6"/>
      <c r="SHJ25" s="6"/>
      <c r="SHK25" s="6"/>
      <c r="SHL25" s="6"/>
      <c r="SHM25" s="6"/>
      <c r="SHN25" s="6"/>
      <c r="SHO25" s="6"/>
      <c r="SHP25" s="6"/>
      <c r="SHQ25" s="6"/>
      <c r="SHR25" s="6"/>
      <c r="SHS25" s="6"/>
      <c r="SHT25" s="6"/>
      <c r="SHU25" s="6"/>
      <c r="SHV25" s="6"/>
      <c r="SHW25" s="6"/>
      <c r="SHX25" s="6"/>
      <c r="SHY25" s="6"/>
      <c r="SHZ25" s="6"/>
      <c r="SIA25" s="6"/>
      <c r="SIB25" s="6"/>
      <c r="SIC25" s="6"/>
      <c r="SID25" s="6"/>
      <c r="SIE25" s="6"/>
      <c r="SIF25" s="6"/>
      <c r="SIG25" s="6"/>
      <c r="SIH25" s="6"/>
      <c r="SII25" s="6"/>
      <c r="SIJ25" s="6"/>
      <c r="SIK25" s="6"/>
      <c r="SIL25" s="6"/>
      <c r="SIM25" s="6"/>
      <c r="SIN25" s="6"/>
      <c r="SIO25" s="6"/>
      <c r="SIP25" s="6"/>
      <c r="SIQ25" s="6"/>
      <c r="SIR25" s="6"/>
      <c r="SIS25" s="6"/>
      <c r="SIT25" s="6"/>
      <c r="SIU25" s="6"/>
      <c r="SIV25" s="6"/>
      <c r="SIW25" s="6"/>
      <c r="SIX25" s="6"/>
      <c r="SIY25" s="6"/>
      <c r="SIZ25" s="6"/>
      <c r="SJA25" s="6"/>
      <c r="SJB25" s="6"/>
      <c r="SJC25" s="6"/>
      <c r="SJD25" s="6"/>
      <c r="SJE25" s="6"/>
      <c r="SJF25" s="6"/>
      <c r="SJG25" s="6"/>
      <c r="SJH25" s="6"/>
      <c r="SJI25" s="6"/>
      <c r="SJJ25" s="6"/>
      <c r="SJK25" s="6"/>
      <c r="SJL25" s="6"/>
      <c r="SJM25" s="6"/>
      <c r="SJN25" s="6"/>
      <c r="SJO25" s="6"/>
      <c r="SJP25" s="6"/>
      <c r="SJQ25" s="6"/>
      <c r="SJR25" s="6"/>
      <c r="SJS25" s="6"/>
      <c r="SJT25" s="6"/>
      <c r="SJU25" s="6"/>
      <c r="SJV25" s="6"/>
      <c r="SJW25" s="6"/>
      <c r="SJX25" s="6"/>
      <c r="SJY25" s="6"/>
      <c r="SJZ25" s="6"/>
      <c r="SKA25" s="6"/>
      <c r="SKB25" s="6"/>
      <c r="SKC25" s="6"/>
      <c r="SKD25" s="6"/>
      <c r="SKE25" s="6"/>
      <c r="SKF25" s="6"/>
      <c r="SKG25" s="6"/>
      <c r="SKH25" s="6"/>
      <c r="SKI25" s="6"/>
      <c r="SKJ25" s="6"/>
      <c r="SKK25" s="6"/>
      <c r="SKL25" s="6"/>
      <c r="SKM25" s="6"/>
      <c r="SKN25" s="6"/>
      <c r="SKO25" s="6"/>
      <c r="SKP25" s="6"/>
      <c r="SKQ25" s="6"/>
      <c r="SKR25" s="6"/>
      <c r="SKS25" s="6"/>
      <c r="SKT25" s="6"/>
      <c r="SKU25" s="6"/>
      <c r="SKV25" s="6"/>
      <c r="SKW25" s="6"/>
      <c r="SKX25" s="6"/>
      <c r="SKY25" s="6"/>
      <c r="SKZ25" s="6"/>
      <c r="SLA25" s="6"/>
      <c r="SLB25" s="6"/>
      <c r="SLC25" s="6"/>
      <c r="SLD25" s="6"/>
      <c r="SLE25" s="6"/>
      <c r="SLF25" s="6"/>
      <c r="SLG25" s="6"/>
      <c r="SLH25" s="6"/>
      <c r="SLI25" s="6"/>
      <c r="SLJ25" s="6"/>
      <c r="SLK25" s="6"/>
      <c r="SLL25" s="6"/>
      <c r="SLM25" s="6"/>
      <c r="SLN25" s="6"/>
      <c r="SLO25" s="6"/>
      <c r="SLP25" s="6"/>
      <c r="SLQ25" s="6"/>
      <c r="SLR25" s="6"/>
      <c r="SLS25" s="6"/>
      <c r="SLT25" s="6"/>
      <c r="SLU25" s="6"/>
      <c r="SLV25" s="6"/>
      <c r="SLW25" s="6"/>
      <c r="SLX25" s="6"/>
      <c r="SLY25" s="6"/>
      <c r="SLZ25" s="6"/>
      <c r="SMA25" s="6"/>
      <c r="SMB25" s="6"/>
      <c r="SMC25" s="6"/>
      <c r="SMD25" s="6"/>
      <c r="SME25" s="6"/>
      <c r="SMF25" s="6"/>
      <c r="SMG25" s="6"/>
      <c r="SMH25" s="6"/>
      <c r="SMI25" s="6"/>
      <c r="SMJ25" s="6"/>
      <c r="SMK25" s="6"/>
      <c r="SML25" s="6"/>
      <c r="SMM25" s="6"/>
      <c r="SMN25" s="6"/>
      <c r="SMO25" s="6"/>
      <c r="SMP25" s="6"/>
      <c r="SMQ25" s="6"/>
      <c r="SMR25" s="6"/>
      <c r="SMS25" s="6"/>
      <c r="SMT25" s="6"/>
      <c r="SMU25" s="6"/>
      <c r="SMV25" s="6"/>
      <c r="SMW25" s="6"/>
      <c r="SMX25" s="6"/>
      <c r="SMY25" s="6"/>
      <c r="SMZ25" s="6"/>
      <c r="SNA25" s="6"/>
      <c r="SNB25" s="6"/>
      <c r="SNC25" s="6"/>
      <c r="SND25" s="6"/>
      <c r="SNE25" s="6"/>
      <c r="SNF25" s="6"/>
      <c r="SNG25" s="6"/>
      <c r="SNH25" s="6"/>
      <c r="SNI25" s="6"/>
      <c r="SNJ25" s="6"/>
      <c r="SNK25" s="6"/>
      <c r="SNL25" s="6"/>
      <c r="SNM25" s="6"/>
      <c r="SNN25" s="6"/>
      <c r="SNO25" s="6"/>
      <c r="SNP25" s="6"/>
      <c r="SNQ25" s="6"/>
      <c r="SNR25" s="6"/>
      <c r="SNS25" s="6"/>
      <c r="SNT25" s="6"/>
      <c r="SNU25" s="6"/>
      <c r="SNV25" s="6"/>
      <c r="SNW25" s="6"/>
      <c r="SNX25" s="6"/>
      <c r="SNY25" s="6"/>
      <c r="SNZ25" s="6"/>
      <c r="SOA25" s="6"/>
      <c r="SOB25" s="6"/>
      <c r="SOC25" s="6"/>
      <c r="SOD25" s="6"/>
      <c r="SOE25" s="6"/>
      <c r="SOF25" s="6"/>
      <c r="SOG25" s="6"/>
      <c r="SOH25" s="6"/>
      <c r="SOI25" s="6"/>
      <c r="SOJ25" s="6"/>
      <c r="SOK25" s="6"/>
      <c r="SOL25" s="6"/>
      <c r="SOM25" s="6"/>
      <c r="SON25" s="6"/>
      <c r="SOO25" s="6"/>
      <c r="SOP25" s="6"/>
      <c r="SOQ25" s="6"/>
      <c r="SOR25" s="6"/>
      <c r="SOS25" s="6"/>
      <c r="SOT25" s="6"/>
      <c r="SOU25" s="6"/>
      <c r="SOV25" s="6"/>
      <c r="SOW25" s="6"/>
      <c r="SOX25" s="6"/>
      <c r="SOY25" s="6"/>
      <c r="SOZ25" s="6"/>
      <c r="SPA25" s="6"/>
      <c r="SPB25" s="6"/>
      <c r="SPC25" s="6"/>
      <c r="SPD25" s="6"/>
      <c r="SPE25" s="6"/>
      <c r="SPF25" s="6"/>
      <c r="SPG25" s="6"/>
      <c r="SPH25" s="6"/>
      <c r="SPI25" s="6"/>
      <c r="SPJ25" s="6"/>
      <c r="SPK25" s="6"/>
      <c r="SPL25" s="6"/>
      <c r="SPM25" s="6"/>
      <c r="SPN25" s="6"/>
      <c r="SPO25" s="6"/>
      <c r="SPP25" s="6"/>
      <c r="SPQ25" s="6"/>
      <c r="SPR25" s="6"/>
      <c r="SPS25" s="6"/>
      <c r="SPT25" s="6"/>
      <c r="SPU25" s="6"/>
      <c r="SPV25" s="6"/>
      <c r="SPW25" s="6"/>
      <c r="SPX25" s="6"/>
      <c r="SPY25" s="6"/>
      <c r="SPZ25" s="6"/>
      <c r="SQA25" s="6"/>
      <c r="SQB25" s="6"/>
      <c r="SQC25" s="6"/>
      <c r="SQD25" s="6"/>
      <c r="SQE25" s="6"/>
      <c r="SQF25" s="6"/>
      <c r="SQG25" s="6"/>
      <c r="SQH25" s="6"/>
      <c r="SQI25" s="6"/>
      <c r="SQJ25" s="6"/>
      <c r="SQK25" s="6"/>
      <c r="SQL25" s="6"/>
      <c r="SQM25" s="6"/>
      <c r="SQN25" s="6"/>
      <c r="SQO25" s="6"/>
      <c r="SQP25" s="6"/>
      <c r="SQQ25" s="6"/>
      <c r="SQR25" s="6"/>
      <c r="SQS25" s="6"/>
      <c r="SQT25" s="6"/>
      <c r="SQU25" s="6"/>
      <c r="SQV25" s="6"/>
      <c r="SQW25" s="6"/>
      <c r="SQX25" s="6"/>
      <c r="SQY25" s="6"/>
      <c r="SQZ25" s="6"/>
      <c r="SRA25" s="6"/>
      <c r="SRB25" s="6"/>
      <c r="SRC25" s="6"/>
      <c r="SRD25" s="6"/>
      <c r="SRE25" s="6"/>
      <c r="SRF25" s="6"/>
      <c r="SRG25" s="6"/>
      <c r="SRH25" s="6"/>
      <c r="SRI25" s="6"/>
      <c r="SRJ25" s="6"/>
      <c r="SRK25" s="6"/>
      <c r="SRL25" s="6"/>
      <c r="SRM25" s="6"/>
      <c r="SRN25" s="6"/>
      <c r="SRO25" s="6"/>
      <c r="SRP25" s="6"/>
      <c r="SRQ25" s="6"/>
      <c r="SRR25" s="6"/>
      <c r="SRS25" s="6"/>
      <c r="SRT25" s="6"/>
      <c r="SRU25" s="6"/>
      <c r="SRV25" s="6"/>
      <c r="SRW25" s="6"/>
      <c r="SRX25" s="6"/>
      <c r="SRY25" s="6"/>
      <c r="SRZ25" s="6"/>
      <c r="SSA25" s="6"/>
      <c r="SSB25" s="6"/>
      <c r="SSC25" s="6"/>
      <c r="SSD25" s="6"/>
      <c r="SSE25" s="6"/>
      <c r="SSF25" s="6"/>
      <c r="SSG25" s="6"/>
      <c r="SSH25" s="6"/>
      <c r="SSI25" s="6"/>
      <c r="SSJ25" s="6"/>
      <c r="SSK25" s="6"/>
      <c r="SSL25" s="6"/>
      <c r="SSM25" s="6"/>
      <c r="SSN25" s="6"/>
      <c r="SSO25" s="6"/>
      <c r="SSP25" s="6"/>
      <c r="SSQ25" s="6"/>
      <c r="SSR25" s="6"/>
      <c r="SSS25" s="6"/>
      <c r="SST25" s="6"/>
      <c r="SSU25" s="6"/>
      <c r="SSV25" s="6"/>
      <c r="SSW25" s="6"/>
      <c r="SSX25" s="6"/>
      <c r="SSY25" s="6"/>
      <c r="SSZ25" s="6"/>
      <c r="STA25" s="6"/>
      <c r="STB25" s="6"/>
      <c r="STC25" s="6"/>
      <c r="STD25" s="6"/>
      <c r="STE25" s="6"/>
      <c r="STF25" s="6"/>
      <c r="STG25" s="6"/>
      <c r="STH25" s="6"/>
      <c r="STI25" s="6"/>
      <c r="STJ25" s="6"/>
      <c r="STK25" s="6"/>
      <c r="STL25" s="6"/>
      <c r="STM25" s="6"/>
      <c r="STN25" s="6"/>
      <c r="STO25" s="6"/>
      <c r="STP25" s="6"/>
      <c r="STQ25" s="6"/>
      <c r="STR25" s="6"/>
      <c r="STS25" s="6"/>
      <c r="STT25" s="6"/>
      <c r="STU25" s="6"/>
      <c r="STV25" s="6"/>
      <c r="STW25" s="6"/>
      <c r="STX25" s="6"/>
      <c r="STY25" s="6"/>
      <c r="STZ25" s="6"/>
      <c r="SUA25" s="6"/>
      <c r="SUB25" s="6"/>
      <c r="SUC25" s="6"/>
      <c r="SUD25" s="6"/>
      <c r="SUE25" s="6"/>
      <c r="SUF25" s="6"/>
      <c r="SUG25" s="6"/>
      <c r="SUH25" s="6"/>
      <c r="SUI25" s="6"/>
      <c r="SUJ25" s="6"/>
      <c r="SUK25" s="6"/>
      <c r="SUL25" s="6"/>
      <c r="SUM25" s="6"/>
      <c r="SUN25" s="6"/>
      <c r="SUO25" s="6"/>
      <c r="SUP25" s="6"/>
      <c r="SUQ25" s="6"/>
      <c r="SUR25" s="6"/>
      <c r="SUS25" s="6"/>
      <c r="SUT25" s="6"/>
      <c r="SUU25" s="6"/>
      <c r="SUV25" s="6"/>
      <c r="SUW25" s="6"/>
      <c r="SUX25" s="6"/>
      <c r="SUY25" s="6"/>
      <c r="SUZ25" s="6"/>
      <c r="SVA25" s="6"/>
      <c r="SVB25" s="6"/>
      <c r="SVC25" s="6"/>
      <c r="SVD25" s="6"/>
      <c r="SVE25" s="6"/>
      <c r="SVF25" s="6"/>
      <c r="SVG25" s="6"/>
      <c r="SVH25" s="6"/>
      <c r="SVI25" s="6"/>
      <c r="SVJ25" s="6"/>
      <c r="SVK25" s="6"/>
      <c r="SVL25" s="6"/>
      <c r="SVM25" s="6"/>
      <c r="SVN25" s="6"/>
      <c r="SVO25" s="6"/>
      <c r="SVP25" s="6"/>
      <c r="SVQ25" s="6"/>
      <c r="SVR25" s="6"/>
      <c r="SVS25" s="6"/>
      <c r="SVT25" s="6"/>
      <c r="SVU25" s="6"/>
      <c r="SVV25" s="6"/>
      <c r="SVW25" s="6"/>
      <c r="SVX25" s="6"/>
      <c r="SVY25" s="6"/>
      <c r="SVZ25" s="6"/>
      <c r="SWA25" s="6"/>
      <c r="SWB25" s="6"/>
      <c r="SWC25" s="6"/>
      <c r="SWD25" s="6"/>
      <c r="SWE25" s="6"/>
      <c r="SWF25" s="6"/>
      <c r="SWG25" s="6"/>
      <c r="SWH25" s="6"/>
      <c r="SWI25" s="6"/>
      <c r="SWJ25" s="6"/>
      <c r="SWK25" s="6"/>
      <c r="SWL25" s="6"/>
      <c r="SWM25" s="6"/>
      <c r="SWN25" s="6"/>
      <c r="SWO25" s="6"/>
      <c r="SWP25" s="6"/>
      <c r="SWQ25" s="6"/>
      <c r="SWR25" s="6"/>
      <c r="SWS25" s="6"/>
      <c r="SWT25" s="6"/>
      <c r="SWU25" s="6"/>
      <c r="SWV25" s="6"/>
      <c r="SWW25" s="6"/>
      <c r="SWX25" s="6"/>
      <c r="SWY25" s="6"/>
      <c r="SWZ25" s="6"/>
      <c r="SXA25" s="6"/>
      <c r="SXB25" s="6"/>
      <c r="SXC25" s="6"/>
      <c r="SXD25" s="6"/>
      <c r="SXE25" s="6"/>
      <c r="SXF25" s="6"/>
      <c r="SXG25" s="6"/>
      <c r="SXH25" s="6"/>
      <c r="SXI25" s="6"/>
      <c r="SXJ25" s="6"/>
      <c r="SXK25" s="6"/>
      <c r="SXL25" s="6"/>
      <c r="SXM25" s="6"/>
      <c r="SXN25" s="6"/>
      <c r="SXO25" s="6"/>
      <c r="SXP25" s="6"/>
      <c r="SXQ25" s="6"/>
      <c r="SXR25" s="6"/>
      <c r="SXS25" s="6"/>
      <c r="SXT25" s="6"/>
      <c r="SXU25" s="6"/>
      <c r="SXV25" s="6"/>
      <c r="SXW25" s="6"/>
      <c r="SXX25" s="6"/>
      <c r="SXY25" s="6"/>
      <c r="SXZ25" s="6"/>
      <c r="SYA25" s="6"/>
      <c r="SYB25" s="6"/>
      <c r="SYC25" s="6"/>
      <c r="SYD25" s="6"/>
      <c r="SYE25" s="6"/>
      <c r="SYF25" s="6"/>
      <c r="SYG25" s="6"/>
      <c r="SYH25" s="6"/>
      <c r="SYI25" s="6"/>
      <c r="SYJ25" s="6"/>
      <c r="SYK25" s="6"/>
      <c r="SYL25" s="6"/>
      <c r="SYM25" s="6"/>
      <c r="SYN25" s="6"/>
      <c r="SYO25" s="6"/>
      <c r="SYP25" s="6"/>
      <c r="SYQ25" s="6"/>
      <c r="SYR25" s="6"/>
      <c r="SYS25" s="6"/>
      <c r="SYT25" s="6"/>
      <c r="SYU25" s="6"/>
      <c r="SYV25" s="6"/>
      <c r="SYW25" s="6"/>
      <c r="SYX25" s="6"/>
      <c r="SYY25" s="6"/>
      <c r="SYZ25" s="6"/>
      <c r="SZA25" s="6"/>
      <c r="SZB25" s="6"/>
      <c r="SZC25" s="6"/>
      <c r="SZD25" s="6"/>
      <c r="SZE25" s="6"/>
      <c r="SZF25" s="6"/>
      <c r="SZG25" s="6"/>
      <c r="SZH25" s="6"/>
      <c r="SZI25" s="6"/>
      <c r="SZJ25" s="6"/>
      <c r="SZK25" s="6"/>
      <c r="SZL25" s="6"/>
      <c r="SZM25" s="6"/>
      <c r="SZN25" s="6"/>
      <c r="SZO25" s="6"/>
      <c r="SZP25" s="6"/>
      <c r="SZQ25" s="6"/>
      <c r="SZR25" s="6"/>
      <c r="SZS25" s="6"/>
      <c r="SZT25" s="6"/>
      <c r="SZU25" s="6"/>
      <c r="SZV25" s="6"/>
      <c r="SZW25" s="6"/>
      <c r="SZX25" s="6"/>
      <c r="SZY25" s="6"/>
      <c r="SZZ25" s="6"/>
      <c r="TAA25" s="6"/>
      <c r="TAB25" s="6"/>
      <c r="TAC25" s="6"/>
      <c r="TAD25" s="6"/>
      <c r="TAE25" s="6"/>
      <c r="TAF25" s="6"/>
      <c r="TAG25" s="6"/>
      <c r="TAH25" s="6"/>
      <c r="TAI25" s="6"/>
      <c r="TAJ25" s="6"/>
      <c r="TAK25" s="6"/>
      <c r="TAL25" s="6"/>
      <c r="TAM25" s="6"/>
      <c r="TAN25" s="6"/>
      <c r="TAO25" s="6"/>
      <c r="TAP25" s="6"/>
      <c r="TAQ25" s="6"/>
      <c r="TAR25" s="6"/>
      <c r="TAS25" s="6"/>
      <c r="TAT25" s="6"/>
      <c r="TAU25" s="6"/>
      <c r="TAV25" s="6"/>
      <c r="TAW25" s="6"/>
      <c r="TAX25" s="6"/>
      <c r="TAY25" s="6"/>
      <c r="TAZ25" s="6"/>
      <c r="TBA25" s="6"/>
      <c r="TBB25" s="6"/>
      <c r="TBC25" s="6"/>
      <c r="TBD25" s="6"/>
      <c r="TBE25" s="6"/>
      <c r="TBF25" s="6"/>
      <c r="TBG25" s="6"/>
      <c r="TBH25" s="6"/>
      <c r="TBI25" s="6"/>
      <c r="TBJ25" s="6"/>
      <c r="TBK25" s="6"/>
      <c r="TBL25" s="6"/>
      <c r="TBM25" s="6"/>
      <c r="TBN25" s="6"/>
      <c r="TBO25" s="6"/>
      <c r="TBP25" s="6"/>
      <c r="TBQ25" s="6"/>
      <c r="TBR25" s="6"/>
      <c r="TBS25" s="6"/>
      <c r="TBT25" s="6"/>
      <c r="TBU25" s="6"/>
      <c r="TBV25" s="6"/>
      <c r="TBW25" s="6"/>
      <c r="TBX25" s="6"/>
      <c r="TBY25" s="6"/>
      <c r="TBZ25" s="6"/>
      <c r="TCA25" s="6"/>
      <c r="TCB25" s="6"/>
      <c r="TCC25" s="6"/>
      <c r="TCD25" s="6"/>
      <c r="TCE25" s="6"/>
      <c r="TCF25" s="6"/>
      <c r="TCG25" s="6"/>
      <c r="TCH25" s="6"/>
      <c r="TCI25" s="6"/>
      <c r="TCJ25" s="6"/>
      <c r="TCK25" s="6"/>
      <c r="TCL25" s="6"/>
      <c r="TCM25" s="6"/>
      <c r="TCN25" s="6"/>
      <c r="TCO25" s="6"/>
      <c r="TCP25" s="6"/>
      <c r="TCQ25" s="6"/>
      <c r="TCR25" s="6"/>
      <c r="TCS25" s="6"/>
      <c r="TCT25" s="6"/>
      <c r="TCU25" s="6"/>
      <c r="TCV25" s="6"/>
      <c r="TCW25" s="6"/>
      <c r="TCX25" s="6"/>
      <c r="TCY25" s="6"/>
      <c r="TCZ25" s="6"/>
      <c r="TDA25" s="6"/>
      <c r="TDB25" s="6"/>
      <c r="TDC25" s="6"/>
      <c r="TDD25" s="6"/>
      <c r="TDE25" s="6"/>
      <c r="TDF25" s="6"/>
      <c r="TDG25" s="6"/>
      <c r="TDH25" s="6"/>
      <c r="TDI25" s="6"/>
      <c r="TDJ25" s="6"/>
      <c r="TDK25" s="6"/>
      <c r="TDL25" s="6"/>
      <c r="TDM25" s="6"/>
      <c r="TDN25" s="6"/>
      <c r="TDO25" s="6"/>
      <c r="TDP25" s="6"/>
      <c r="TDQ25" s="6"/>
      <c r="TDR25" s="6"/>
      <c r="TDS25" s="6"/>
      <c r="TDT25" s="6"/>
      <c r="TDU25" s="6"/>
      <c r="TDV25" s="6"/>
      <c r="TDW25" s="6"/>
      <c r="TDX25" s="6"/>
      <c r="TDY25" s="6"/>
      <c r="TDZ25" s="6"/>
      <c r="TEA25" s="6"/>
      <c r="TEB25" s="6"/>
      <c r="TEC25" s="6"/>
      <c r="TED25" s="6"/>
      <c r="TEE25" s="6"/>
      <c r="TEF25" s="6"/>
      <c r="TEG25" s="6"/>
      <c r="TEH25" s="6"/>
      <c r="TEI25" s="6"/>
      <c r="TEJ25" s="6"/>
      <c r="TEK25" s="6"/>
      <c r="TEL25" s="6"/>
      <c r="TEM25" s="6"/>
      <c r="TEN25" s="6"/>
      <c r="TEO25" s="6"/>
      <c r="TEP25" s="6"/>
      <c r="TEQ25" s="6"/>
      <c r="TER25" s="6"/>
      <c r="TES25" s="6"/>
      <c r="TET25" s="6"/>
      <c r="TEU25" s="6"/>
      <c r="TEV25" s="6"/>
      <c r="TEW25" s="6"/>
      <c r="TEX25" s="6"/>
      <c r="TEY25" s="6"/>
      <c r="TEZ25" s="6"/>
      <c r="TFA25" s="6"/>
      <c r="TFB25" s="6"/>
      <c r="TFC25" s="6"/>
      <c r="TFD25" s="6"/>
      <c r="TFE25" s="6"/>
      <c r="TFF25" s="6"/>
      <c r="TFG25" s="6"/>
      <c r="TFH25" s="6"/>
      <c r="TFI25" s="6"/>
      <c r="TFJ25" s="6"/>
      <c r="TFK25" s="6"/>
      <c r="TFL25" s="6"/>
      <c r="TFM25" s="6"/>
      <c r="TFN25" s="6"/>
      <c r="TFO25" s="6"/>
      <c r="TFP25" s="6"/>
      <c r="TFQ25" s="6"/>
      <c r="TFR25" s="6"/>
      <c r="TFS25" s="6"/>
      <c r="TFT25" s="6"/>
      <c r="TFU25" s="6"/>
      <c r="TFV25" s="6"/>
      <c r="TFW25" s="6"/>
      <c r="TFX25" s="6"/>
      <c r="TFY25" s="6"/>
      <c r="TFZ25" s="6"/>
      <c r="TGA25" s="6"/>
      <c r="TGB25" s="6"/>
      <c r="TGC25" s="6"/>
      <c r="TGD25" s="6"/>
      <c r="TGE25" s="6"/>
      <c r="TGF25" s="6"/>
      <c r="TGG25" s="6"/>
      <c r="TGH25" s="6"/>
      <c r="TGI25" s="6"/>
      <c r="TGJ25" s="6"/>
      <c r="TGK25" s="6"/>
      <c r="TGL25" s="6"/>
      <c r="TGM25" s="6"/>
      <c r="TGN25" s="6"/>
      <c r="TGO25" s="6"/>
      <c r="TGP25" s="6"/>
      <c r="TGQ25" s="6"/>
      <c r="TGR25" s="6"/>
      <c r="TGS25" s="6"/>
      <c r="TGT25" s="6"/>
      <c r="TGU25" s="6"/>
      <c r="TGV25" s="6"/>
      <c r="TGW25" s="6"/>
      <c r="TGX25" s="6"/>
      <c r="TGY25" s="6"/>
      <c r="TGZ25" s="6"/>
      <c r="THA25" s="6"/>
      <c r="THB25" s="6"/>
      <c r="THC25" s="6"/>
      <c r="THD25" s="6"/>
      <c r="THE25" s="6"/>
      <c r="THF25" s="6"/>
      <c r="THG25" s="6"/>
      <c r="THH25" s="6"/>
      <c r="THI25" s="6"/>
      <c r="THJ25" s="6"/>
      <c r="THK25" s="6"/>
      <c r="THL25" s="6"/>
      <c r="THM25" s="6"/>
      <c r="THN25" s="6"/>
      <c r="THO25" s="6"/>
      <c r="THP25" s="6"/>
      <c r="THQ25" s="6"/>
      <c r="THR25" s="6"/>
      <c r="THS25" s="6"/>
      <c r="THT25" s="6"/>
      <c r="THU25" s="6"/>
      <c r="THV25" s="6"/>
      <c r="THW25" s="6"/>
      <c r="THX25" s="6"/>
      <c r="THY25" s="6"/>
      <c r="THZ25" s="6"/>
      <c r="TIA25" s="6"/>
      <c r="TIB25" s="6"/>
      <c r="TIC25" s="6"/>
      <c r="TID25" s="6"/>
      <c r="TIE25" s="6"/>
      <c r="TIF25" s="6"/>
      <c r="TIG25" s="6"/>
      <c r="TIH25" s="6"/>
      <c r="TII25" s="6"/>
      <c r="TIJ25" s="6"/>
      <c r="TIK25" s="6"/>
      <c r="TIL25" s="6"/>
      <c r="TIM25" s="6"/>
      <c r="TIN25" s="6"/>
      <c r="TIO25" s="6"/>
      <c r="TIP25" s="6"/>
      <c r="TIQ25" s="6"/>
      <c r="TIR25" s="6"/>
      <c r="TIS25" s="6"/>
      <c r="TIT25" s="6"/>
      <c r="TIU25" s="6"/>
      <c r="TIV25" s="6"/>
      <c r="TIW25" s="6"/>
      <c r="TIX25" s="6"/>
      <c r="TIY25" s="6"/>
      <c r="TIZ25" s="6"/>
      <c r="TJA25" s="6"/>
      <c r="TJB25" s="6"/>
      <c r="TJC25" s="6"/>
      <c r="TJD25" s="6"/>
      <c r="TJE25" s="6"/>
      <c r="TJF25" s="6"/>
      <c r="TJG25" s="6"/>
      <c r="TJH25" s="6"/>
      <c r="TJI25" s="6"/>
      <c r="TJJ25" s="6"/>
      <c r="TJK25" s="6"/>
      <c r="TJL25" s="6"/>
      <c r="TJM25" s="6"/>
      <c r="TJN25" s="6"/>
      <c r="TJO25" s="6"/>
      <c r="TJP25" s="6"/>
      <c r="TJQ25" s="6"/>
      <c r="TJR25" s="6"/>
      <c r="TJS25" s="6"/>
      <c r="TJT25" s="6"/>
      <c r="TJU25" s="6"/>
      <c r="TJV25" s="6"/>
      <c r="TJW25" s="6"/>
      <c r="TJX25" s="6"/>
      <c r="TJY25" s="6"/>
      <c r="TJZ25" s="6"/>
      <c r="TKA25" s="6"/>
      <c r="TKB25" s="6"/>
      <c r="TKC25" s="6"/>
      <c r="TKD25" s="6"/>
      <c r="TKE25" s="6"/>
      <c r="TKF25" s="6"/>
      <c r="TKG25" s="6"/>
      <c r="TKH25" s="6"/>
      <c r="TKI25" s="6"/>
      <c r="TKJ25" s="6"/>
      <c r="TKK25" s="6"/>
      <c r="TKL25" s="6"/>
      <c r="TKM25" s="6"/>
      <c r="TKN25" s="6"/>
      <c r="TKO25" s="6"/>
      <c r="TKP25" s="6"/>
      <c r="TKQ25" s="6"/>
      <c r="TKR25" s="6"/>
      <c r="TKS25" s="6"/>
      <c r="TKT25" s="6"/>
      <c r="TKU25" s="6"/>
      <c r="TKV25" s="6"/>
      <c r="TKW25" s="6"/>
      <c r="TKX25" s="6"/>
      <c r="TKY25" s="6"/>
      <c r="TKZ25" s="6"/>
      <c r="TLA25" s="6"/>
      <c r="TLB25" s="6"/>
      <c r="TLC25" s="6"/>
      <c r="TLD25" s="6"/>
      <c r="TLE25" s="6"/>
      <c r="TLF25" s="6"/>
      <c r="TLG25" s="6"/>
      <c r="TLH25" s="6"/>
      <c r="TLI25" s="6"/>
      <c r="TLJ25" s="6"/>
      <c r="TLK25" s="6"/>
      <c r="TLL25" s="6"/>
      <c r="TLM25" s="6"/>
      <c r="TLN25" s="6"/>
      <c r="TLO25" s="6"/>
      <c r="TLP25" s="6"/>
      <c r="TLQ25" s="6"/>
      <c r="TLR25" s="6"/>
      <c r="TLS25" s="6"/>
      <c r="TLT25" s="6"/>
      <c r="TLU25" s="6"/>
      <c r="TLV25" s="6"/>
      <c r="TLW25" s="6"/>
      <c r="TLX25" s="6"/>
      <c r="TLY25" s="6"/>
      <c r="TLZ25" s="6"/>
      <c r="TMA25" s="6"/>
      <c r="TMB25" s="6"/>
      <c r="TMC25" s="6"/>
      <c r="TMD25" s="6"/>
      <c r="TME25" s="6"/>
      <c r="TMF25" s="6"/>
      <c r="TMG25" s="6"/>
      <c r="TMH25" s="6"/>
      <c r="TMI25" s="6"/>
      <c r="TMJ25" s="6"/>
      <c r="TMK25" s="6"/>
      <c r="TML25" s="6"/>
      <c r="TMM25" s="6"/>
      <c r="TMN25" s="6"/>
      <c r="TMO25" s="6"/>
      <c r="TMP25" s="6"/>
      <c r="TMQ25" s="6"/>
      <c r="TMR25" s="6"/>
      <c r="TMS25" s="6"/>
      <c r="TMT25" s="6"/>
      <c r="TMU25" s="6"/>
      <c r="TMV25" s="6"/>
      <c r="TMW25" s="6"/>
      <c r="TMX25" s="6"/>
      <c r="TMY25" s="6"/>
      <c r="TMZ25" s="6"/>
      <c r="TNA25" s="6"/>
      <c r="TNB25" s="6"/>
      <c r="TNC25" s="6"/>
      <c r="TND25" s="6"/>
      <c r="TNE25" s="6"/>
      <c r="TNF25" s="6"/>
      <c r="TNG25" s="6"/>
      <c r="TNH25" s="6"/>
      <c r="TNI25" s="6"/>
      <c r="TNJ25" s="6"/>
      <c r="TNK25" s="6"/>
      <c r="TNL25" s="6"/>
      <c r="TNM25" s="6"/>
      <c r="TNN25" s="6"/>
      <c r="TNO25" s="6"/>
      <c r="TNP25" s="6"/>
      <c r="TNQ25" s="6"/>
      <c r="TNR25" s="6"/>
      <c r="TNS25" s="6"/>
      <c r="TNT25" s="6"/>
      <c r="TNU25" s="6"/>
      <c r="TNV25" s="6"/>
      <c r="TNW25" s="6"/>
      <c r="TNX25" s="6"/>
      <c r="TNY25" s="6"/>
      <c r="TNZ25" s="6"/>
      <c r="TOA25" s="6"/>
      <c r="TOB25" s="6"/>
      <c r="TOC25" s="6"/>
      <c r="TOD25" s="6"/>
      <c r="TOE25" s="6"/>
      <c r="TOF25" s="6"/>
      <c r="TOG25" s="6"/>
      <c r="TOH25" s="6"/>
      <c r="TOI25" s="6"/>
      <c r="TOJ25" s="6"/>
      <c r="TOK25" s="6"/>
      <c r="TOL25" s="6"/>
      <c r="TOM25" s="6"/>
      <c r="TON25" s="6"/>
      <c r="TOO25" s="6"/>
      <c r="TOP25" s="6"/>
      <c r="TOQ25" s="6"/>
      <c r="TOR25" s="6"/>
      <c r="TOS25" s="6"/>
      <c r="TOT25" s="6"/>
      <c r="TOU25" s="6"/>
      <c r="TOV25" s="6"/>
      <c r="TOW25" s="6"/>
      <c r="TOX25" s="6"/>
      <c r="TOY25" s="6"/>
      <c r="TOZ25" s="6"/>
      <c r="TPA25" s="6"/>
      <c r="TPB25" s="6"/>
      <c r="TPC25" s="6"/>
      <c r="TPD25" s="6"/>
      <c r="TPE25" s="6"/>
      <c r="TPF25" s="6"/>
      <c r="TPG25" s="6"/>
      <c r="TPH25" s="6"/>
      <c r="TPI25" s="6"/>
      <c r="TPJ25" s="6"/>
      <c r="TPK25" s="6"/>
      <c r="TPL25" s="6"/>
      <c r="TPM25" s="6"/>
      <c r="TPN25" s="6"/>
      <c r="TPO25" s="6"/>
      <c r="TPP25" s="6"/>
      <c r="TPQ25" s="6"/>
      <c r="TPR25" s="6"/>
      <c r="TPS25" s="6"/>
      <c r="TPT25" s="6"/>
      <c r="TPU25" s="6"/>
      <c r="TPV25" s="6"/>
      <c r="TPW25" s="6"/>
      <c r="TPX25" s="6"/>
      <c r="TPY25" s="6"/>
      <c r="TPZ25" s="6"/>
      <c r="TQA25" s="6"/>
      <c r="TQB25" s="6"/>
      <c r="TQC25" s="6"/>
      <c r="TQD25" s="6"/>
      <c r="TQE25" s="6"/>
      <c r="TQF25" s="6"/>
      <c r="TQG25" s="6"/>
      <c r="TQH25" s="6"/>
      <c r="TQI25" s="6"/>
      <c r="TQJ25" s="6"/>
      <c r="TQK25" s="6"/>
      <c r="TQL25" s="6"/>
      <c r="TQM25" s="6"/>
      <c r="TQN25" s="6"/>
      <c r="TQO25" s="6"/>
      <c r="TQP25" s="6"/>
      <c r="TQQ25" s="6"/>
      <c r="TQR25" s="6"/>
      <c r="TQS25" s="6"/>
      <c r="TQT25" s="6"/>
      <c r="TQU25" s="6"/>
      <c r="TQV25" s="6"/>
      <c r="TQW25" s="6"/>
      <c r="TQX25" s="6"/>
      <c r="TQY25" s="6"/>
      <c r="TQZ25" s="6"/>
      <c r="TRA25" s="6"/>
      <c r="TRB25" s="6"/>
      <c r="TRC25" s="6"/>
      <c r="TRD25" s="6"/>
      <c r="TRE25" s="6"/>
      <c r="TRF25" s="6"/>
      <c r="TRG25" s="6"/>
      <c r="TRH25" s="6"/>
      <c r="TRI25" s="6"/>
      <c r="TRJ25" s="6"/>
      <c r="TRK25" s="6"/>
      <c r="TRL25" s="6"/>
      <c r="TRM25" s="6"/>
      <c r="TRN25" s="6"/>
      <c r="TRO25" s="6"/>
      <c r="TRP25" s="6"/>
      <c r="TRQ25" s="6"/>
      <c r="TRR25" s="6"/>
      <c r="TRS25" s="6"/>
      <c r="TRT25" s="6"/>
      <c r="TRU25" s="6"/>
      <c r="TRV25" s="6"/>
      <c r="TRW25" s="6"/>
      <c r="TRX25" s="6"/>
      <c r="TRY25" s="6"/>
      <c r="TRZ25" s="6"/>
      <c r="TSA25" s="6"/>
      <c r="TSB25" s="6"/>
      <c r="TSC25" s="6"/>
      <c r="TSD25" s="6"/>
      <c r="TSE25" s="6"/>
      <c r="TSF25" s="6"/>
      <c r="TSG25" s="6"/>
      <c r="TSH25" s="6"/>
      <c r="TSI25" s="6"/>
      <c r="TSJ25" s="6"/>
      <c r="TSK25" s="6"/>
      <c r="TSL25" s="6"/>
      <c r="TSM25" s="6"/>
      <c r="TSN25" s="6"/>
      <c r="TSO25" s="6"/>
      <c r="TSP25" s="6"/>
      <c r="TSQ25" s="6"/>
      <c r="TSR25" s="6"/>
      <c r="TSS25" s="6"/>
      <c r="TST25" s="6"/>
      <c r="TSU25" s="6"/>
      <c r="TSV25" s="6"/>
      <c r="TSW25" s="6"/>
      <c r="TSX25" s="6"/>
      <c r="TSY25" s="6"/>
      <c r="TSZ25" s="6"/>
      <c r="TTA25" s="6"/>
      <c r="TTB25" s="6"/>
      <c r="TTC25" s="6"/>
      <c r="TTD25" s="6"/>
      <c r="TTE25" s="6"/>
      <c r="TTF25" s="6"/>
      <c r="TTG25" s="6"/>
      <c r="TTH25" s="6"/>
      <c r="TTI25" s="6"/>
      <c r="TTJ25" s="6"/>
      <c r="TTK25" s="6"/>
      <c r="TTL25" s="6"/>
      <c r="TTM25" s="6"/>
      <c r="TTN25" s="6"/>
      <c r="TTO25" s="6"/>
      <c r="TTP25" s="6"/>
      <c r="TTQ25" s="6"/>
      <c r="TTR25" s="6"/>
      <c r="TTS25" s="6"/>
      <c r="TTT25" s="6"/>
      <c r="TTU25" s="6"/>
      <c r="TTV25" s="6"/>
      <c r="TTW25" s="6"/>
      <c r="TTX25" s="6"/>
      <c r="TTY25" s="6"/>
      <c r="TTZ25" s="6"/>
      <c r="TUA25" s="6"/>
      <c r="TUB25" s="6"/>
      <c r="TUC25" s="6"/>
      <c r="TUD25" s="6"/>
      <c r="TUE25" s="6"/>
      <c r="TUF25" s="6"/>
      <c r="TUG25" s="6"/>
      <c r="TUH25" s="6"/>
      <c r="TUI25" s="6"/>
      <c r="TUJ25" s="6"/>
      <c r="TUK25" s="6"/>
      <c r="TUL25" s="6"/>
      <c r="TUM25" s="6"/>
      <c r="TUN25" s="6"/>
      <c r="TUO25" s="6"/>
      <c r="TUP25" s="6"/>
      <c r="TUQ25" s="6"/>
      <c r="TUR25" s="6"/>
      <c r="TUS25" s="6"/>
      <c r="TUT25" s="6"/>
      <c r="TUU25" s="6"/>
      <c r="TUV25" s="6"/>
      <c r="TUW25" s="6"/>
      <c r="TUX25" s="6"/>
      <c r="TUY25" s="6"/>
      <c r="TUZ25" s="6"/>
      <c r="TVA25" s="6"/>
      <c r="TVB25" s="6"/>
      <c r="TVC25" s="6"/>
      <c r="TVD25" s="6"/>
      <c r="TVE25" s="6"/>
      <c r="TVF25" s="6"/>
      <c r="TVG25" s="6"/>
      <c r="TVH25" s="6"/>
      <c r="TVI25" s="6"/>
      <c r="TVJ25" s="6"/>
      <c r="TVK25" s="6"/>
      <c r="TVL25" s="6"/>
      <c r="TVM25" s="6"/>
      <c r="TVN25" s="6"/>
      <c r="TVO25" s="6"/>
      <c r="TVP25" s="6"/>
      <c r="TVQ25" s="6"/>
      <c r="TVR25" s="6"/>
      <c r="TVS25" s="6"/>
      <c r="TVT25" s="6"/>
      <c r="TVU25" s="6"/>
      <c r="TVV25" s="6"/>
      <c r="TVW25" s="6"/>
      <c r="TVX25" s="6"/>
      <c r="TVY25" s="6"/>
      <c r="TVZ25" s="6"/>
      <c r="TWA25" s="6"/>
      <c r="TWB25" s="6"/>
      <c r="TWC25" s="6"/>
      <c r="TWD25" s="6"/>
      <c r="TWE25" s="6"/>
      <c r="TWF25" s="6"/>
      <c r="TWG25" s="6"/>
      <c r="TWH25" s="6"/>
      <c r="TWI25" s="6"/>
      <c r="TWJ25" s="6"/>
      <c r="TWK25" s="6"/>
      <c r="TWL25" s="6"/>
      <c r="TWM25" s="6"/>
      <c r="TWN25" s="6"/>
      <c r="TWO25" s="6"/>
      <c r="TWP25" s="6"/>
      <c r="TWQ25" s="6"/>
      <c r="TWR25" s="6"/>
      <c r="TWS25" s="6"/>
      <c r="TWT25" s="6"/>
      <c r="TWU25" s="6"/>
      <c r="TWV25" s="6"/>
      <c r="TWW25" s="6"/>
      <c r="TWX25" s="6"/>
      <c r="TWY25" s="6"/>
      <c r="TWZ25" s="6"/>
      <c r="TXA25" s="6"/>
      <c r="TXB25" s="6"/>
      <c r="TXC25" s="6"/>
      <c r="TXD25" s="6"/>
      <c r="TXE25" s="6"/>
      <c r="TXF25" s="6"/>
      <c r="TXG25" s="6"/>
      <c r="TXH25" s="6"/>
      <c r="TXI25" s="6"/>
      <c r="TXJ25" s="6"/>
      <c r="TXK25" s="6"/>
      <c r="TXL25" s="6"/>
      <c r="TXM25" s="6"/>
      <c r="TXN25" s="6"/>
      <c r="TXO25" s="6"/>
      <c r="TXP25" s="6"/>
      <c r="TXQ25" s="6"/>
      <c r="TXR25" s="6"/>
      <c r="TXS25" s="6"/>
      <c r="TXT25" s="6"/>
      <c r="TXU25" s="6"/>
      <c r="TXV25" s="6"/>
      <c r="TXW25" s="6"/>
      <c r="TXX25" s="6"/>
      <c r="TXY25" s="6"/>
      <c r="TXZ25" s="6"/>
      <c r="TYA25" s="6"/>
      <c r="TYB25" s="6"/>
      <c r="TYC25" s="6"/>
      <c r="TYD25" s="6"/>
      <c r="TYE25" s="6"/>
      <c r="TYF25" s="6"/>
      <c r="TYG25" s="6"/>
      <c r="TYH25" s="6"/>
      <c r="TYI25" s="6"/>
      <c r="TYJ25" s="6"/>
      <c r="TYK25" s="6"/>
      <c r="TYL25" s="6"/>
      <c r="TYM25" s="6"/>
      <c r="TYN25" s="6"/>
      <c r="TYO25" s="6"/>
      <c r="TYP25" s="6"/>
      <c r="TYQ25" s="6"/>
      <c r="TYR25" s="6"/>
      <c r="TYS25" s="6"/>
      <c r="TYT25" s="6"/>
      <c r="TYU25" s="6"/>
      <c r="TYV25" s="6"/>
      <c r="TYW25" s="6"/>
      <c r="TYX25" s="6"/>
      <c r="TYY25" s="6"/>
      <c r="TYZ25" s="6"/>
      <c r="TZA25" s="6"/>
      <c r="TZB25" s="6"/>
      <c r="TZC25" s="6"/>
      <c r="TZD25" s="6"/>
      <c r="TZE25" s="6"/>
      <c r="TZF25" s="6"/>
      <c r="TZG25" s="6"/>
      <c r="TZH25" s="6"/>
      <c r="TZI25" s="6"/>
      <c r="TZJ25" s="6"/>
      <c r="TZK25" s="6"/>
      <c r="TZL25" s="6"/>
      <c r="TZM25" s="6"/>
      <c r="TZN25" s="6"/>
      <c r="TZO25" s="6"/>
      <c r="TZP25" s="6"/>
      <c r="TZQ25" s="6"/>
      <c r="TZR25" s="6"/>
      <c r="TZS25" s="6"/>
      <c r="TZT25" s="6"/>
      <c r="TZU25" s="6"/>
      <c r="TZV25" s="6"/>
      <c r="TZW25" s="6"/>
      <c r="TZX25" s="6"/>
      <c r="TZY25" s="6"/>
      <c r="TZZ25" s="6"/>
      <c r="UAA25" s="6"/>
      <c r="UAB25" s="6"/>
      <c r="UAC25" s="6"/>
      <c r="UAD25" s="6"/>
      <c r="UAE25" s="6"/>
      <c r="UAF25" s="6"/>
      <c r="UAG25" s="6"/>
      <c r="UAH25" s="6"/>
      <c r="UAI25" s="6"/>
      <c r="UAJ25" s="6"/>
      <c r="UAK25" s="6"/>
      <c r="UAL25" s="6"/>
      <c r="UAM25" s="6"/>
      <c r="UAN25" s="6"/>
      <c r="UAO25" s="6"/>
      <c r="UAP25" s="6"/>
      <c r="UAQ25" s="6"/>
      <c r="UAR25" s="6"/>
      <c r="UAS25" s="6"/>
      <c r="UAT25" s="6"/>
      <c r="UAU25" s="6"/>
      <c r="UAV25" s="6"/>
      <c r="UAW25" s="6"/>
      <c r="UAX25" s="6"/>
      <c r="UAY25" s="6"/>
      <c r="UAZ25" s="6"/>
      <c r="UBA25" s="6"/>
      <c r="UBB25" s="6"/>
      <c r="UBC25" s="6"/>
      <c r="UBD25" s="6"/>
      <c r="UBE25" s="6"/>
      <c r="UBF25" s="6"/>
      <c r="UBG25" s="6"/>
      <c r="UBH25" s="6"/>
      <c r="UBI25" s="6"/>
      <c r="UBJ25" s="6"/>
      <c r="UBK25" s="6"/>
      <c r="UBL25" s="6"/>
      <c r="UBM25" s="6"/>
      <c r="UBN25" s="6"/>
      <c r="UBO25" s="6"/>
      <c r="UBP25" s="6"/>
      <c r="UBQ25" s="6"/>
      <c r="UBR25" s="6"/>
      <c r="UBS25" s="6"/>
      <c r="UBT25" s="6"/>
      <c r="UBU25" s="6"/>
      <c r="UBV25" s="6"/>
      <c r="UBW25" s="6"/>
      <c r="UBX25" s="6"/>
      <c r="UBY25" s="6"/>
      <c r="UBZ25" s="6"/>
      <c r="UCA25" s="6"/>
      <c r="UCB25" s="6"/>
      <c r="UCC25" s="6"/>
      <c r="UCD25" s="6"/>
      <c r="UCE25" s="6"/>
      <c r="UCF25" s="6"/>
      <c r="UCG25" s="6"/>
      <c r="UCH25" s="6"/>
      <c r="UCI25" s="6"/>
      <c r="UCJ25" s="6"/>
      <c r="UCK25" s="6"/>
      <c r="UCL25" s="6"/>
      <c r="UCM25" s="6"/>
      <c r="UCN25" s="6"/>
      <c r="UCO25" s="6"/>
      <c r="UCP25" s="6"/>
      <c r="UCQ25" s="6"/>
      <c r="UCR25" s="6"/>
      <c r="UCS25" s="6"/>
      <c r="UCT25" s="6"/>
      <c r="UCU25" s="6"/>
      <c r="UCV25" s="6"/>
      <c r="UCW25" s="6"/>
      <c r="UCX25" s="6"/>
      <c r="UCY25" s="6"/>
      <c r="UCZ25" s="6"/>
      <c r="UDA25" s="6"/>
      <c r="UDB25" s="6"/>
      <c r="UDC25" s="6"/>
      <c r="UDD25" s="6"/>
      <c r="UDE25" s="6"/>
      <c r="UDF25" s="6"/>
      <c r="UDG25" s="6"/>
      <c r="UDH25" s="6"/>
      <c r="UDI25" s="6"/>
      <c r="UDJ25" s="6"/>
      <c r="UDK25" s="6"/>
      <c r="UDL25" s="6"/>
      <c r="UDM25" s="6"/>
      <c r="UDN25" s="6"/>
      <c r="UDO25" s="6"/>
      <c r="UDP25" s="6"/>
      <c r="UDQ25" s="6"/>
      <c r="UDR25" s="6"/>
      <c r="UDS25" s="6"/>
      <c r="UDT25" s="6"/>
      <c r="UDU25" s="6"/>
      <c r="UDV25" s="6"/>
      <c r="UDW25" s="6"/>
      <c r="UDX25" s="6"/>
      <c r="UDY25" s="6"/>
      <c r="UDZ25" s="6"/>
      <c r="UEA25" s="6"/>
      <c r="UEB25" s="6"/>
      <c r="UEC25" s="6"/>
      <c r="UED25" s="6"/>
      <c r="UEE25" s="6"/>
      <c r="UEF25" s="6"/>
      <c r="UEG25" s="6"/>
      <c r="UEH25" s="6"/>
      <c r="UEI25" s="6"/>
      <c r="UEJ25" s="6"/>
      <c r="UEK25" s="6"/>
      <c r="UEL25" s="6"/>
      <c r="UEM25" s="6"/>
      <c r="UEN25" s="6"/>
      <c r="UEO25" s="6"/>
      <c r="UEP25" s="6"/>
      <c r="UEQ25" s="6"/>
      <c r="UER25" s="6"/>
      <c r="UES25" s="6"/>
      <c r="UET25" s="6"/>
      <c r="UEU25" s="6"/>
      <c r="UEV25" s="6"/>
      <c r="UEW25" s="6"/>
      <c r="UEX25" s="6"/>
      <c r="UEY25" s="6"/>
      <c r="UEZ25" s="6"/>
      <c r="UFA25" s="6"/>
      <c r="UFB25" s="6"/>
      <c r="UFC25" s="6"/>
      <c r="UFD25" s="6"/>
      <c r="UFE25" s="6"/>
      <c r="UFF25" s="6"/>
      <c r="UFG25" s="6"/>
      <c r="UFH25" s="6"/>
      <c r="UFI25" s="6"/>
      <c r="UFJ25" s="6"/>
      <c r="UFK25" s="6"/>
      <c r="UFL25" s="6"/>
      <c r="UFM25" s="6"/>
      <c r="UFN25" s="6"/>
      <c r="UFO25" s="6"/>
      <c r="UFP25" s="6"/>
      <c r="UFQ25" s="6"/>
      <c r="UFR25" s="6"/>
      <c r="UFS25" s="6"/>
      <c r="UFT25" s="6"/>
      <c r="UFU25" s="6"/>
      <c r="UFV25" s="6"/>
      <c r="UFW25" s="6"/>
      <c r="UFX25" s="6"/>
      <c r="UFY25" s="6"/>
      <c r="UFZ25" s="6"/>
      <c r="UGA25" s="6"/>
      <c r="UGB25" s="6"/>
      <c r="UGC25" s="6"/>
      <c r="UGD25" s="6"/>
      <c r="UGE25" s="6"/>
      <c r="UGF25" s="6"/>
      <c r="UGG25" s="6"/>
      <c r="UGH25" s="6"/>
      <c r="UGI25" s="6"/>
      <c r="UGJ25" s="6"/>
      <c r="UGK25" s="6"/>
      <c r="UGL25" s="6"/>
      <c r="UGM25" s="6"/>
      <c r="UGN25" s="6"/>
      <c r="UGO25" s="6"/>
      <c r="UGP25" s="6"/>
      <c r="UGQ25" s="6"/>
      <c r="UGR25" s="6"/>
      <c r="UGS25" s="6"/>
      <c r="UGT25" s="6"/>
      <c r="UGU25" s="6"/>
      <c r="UGV25" s="6"/>
      <c r="UGW25" s="6"/>
      <c r="UGX25" s="6"/>
      <c r="UGY25" s="6"/>
      <c r="UGZ25" s="6"/>
      <c r="UHA25" s="6"/>
      <c r="UHB25" s="6"/>
      <c r="UHC25" s="6"/>
      <c r="UHD25" s="6"/>
      <c r="UHE25" s="6"/>
      <c r="UHF25" s="6"/>
      <c r="UHG25" s="6"/>
      <c r="UHH25" s="6"/>
      <c r="UHI25" s="6"/>
      <c r="UHJ25" s="6"/>
      <c r="UHK25" s="6"/>
      <c r="UHL25" s="6"/>
      <c r="UHM25" s="6"/>
      <c r="UHN25" s="6"/>
      <c r="UHO25" s="6"/>
      <c r="UHP25" s="6"/>
      <c r="UHQ25" s="6"/>
      <c r="UHR25" s="6"/>
      <c r="UHS25" s="6"/>
      <c r="UHT25" s="6"/>
      <c r="UHU25" s="6"/>
      <c r="UHV25" s="6"/>
      <c r="UHW25" s="6"/>
      <c r="UHX25" s="6"/>
      <c r="UHY25" s="6"/>
      <c r="UHZ25" s="6"/>
      <c r="UIA25" s="6"/>
      <c r="UIB25" s="6"/>
      <c r="UIC25" s="6"/>
      <c r="UID25" s="6"/>
      <c r="UIE25" s="6"/>
      <c r="UIF25" s="6"/>
      <c r="UIG25" s="6"/>
      <c r="UIH25" s="6"/>
      <c r="UII25" s="6"/>
      <c r="UIJ25" s="6"/>
      <c r="UIK25" s="6"/>
      <c r="UIL25" s="6"/>
      <c r="UIM25" s="6"/>
      <c r="UIN25" s="6"/>
      <c r="UIO25" s="6"/>
      <c r="UIP25" s="6"/>
      <c r="UIQ25" s="6"/>
      <c r="UIR25" s="6"/>
      <c r="UIS25" s="6"/>
      <c r="UIT25" s="6"/>
      <c r="UIU25" s="6"/>
      <c r="UIV25" s="6"/>
      <c r="UIW25" s="6"/>
      <c r="UIX25" s="6"/>
      <c r="UIY25" s="6"/>
      <c r="UIZ25" s="6"/>
      <c r="UJA25" s="6"/>
      <c r="UJB25" s="6"/>
      <c r="UJC25" s="6"/>
      <c r="UJD25" s="6"/>
      <c r="UJE25" s="6"/>
      <c r="UJF25" s="6"/>
      <c r="UJG25" s="6"/>
      <c r="UJH25" s="6"/>
      <c r="UJI25" s="6"/>
      <c r="UJJ25" s="6"/>
      <c r="UJK25" s="6"/>
      <c r="UJL25" s="6"/>
      <c r="UJM25" s="6"/>
      <c r="UJN25" s="6"/>
      <c r="UJO25" s="6"/>
      <c r="UJP25" s="6"/>
      <c r="UJQ25" s="6"/>
      <c r="UJR25" s="6"/>
      <c r="UJS25" s="6"/>
      <c r="UJT25" s="6"/>
      <c r="UJU25" s="6"/>
      <c r="UJV25" s="6"/>
      <c r="UJW25" s="6"/>
      <c r="UJX25" s="6"/>
      <c r="UJY25" s="6"/>
      <c r="UJZ25" s="6"/>
      <c r="UKA25" s="6"/>
      <c r="UKB25" s="6"/>
      <c r="UKC25" s="6"/>
      <c r="UKD25" s="6"/>
      <c r="UKE25" s="6"/>
      <c r="UKF25" s="6"/>
      <c r="UKG25" s="6"/>
      <c r="UKH25" s="6"/>
      <c r="UKI25" s="6"/>
      <c r="UKJ25" s="6"/>
      <c r="UKK25" s="6"/>
      <c r="UKL25" s="6"/>
      <c r="UKM25" s="6"/>
      <c r="UKN25" s="6"/>
      <c r="UKO25" s="6"/>
      <c r="UKP25" s="6"/>
      <c r="UKQ25" s="6"/>
      <c r="UKR25" s="6"/>
      <c r="UKS25" s="6"/>
      <c r="UKT25" s="6"/>
      <c r="UKU25" s="6"/>
      <c r="UKV25" s="6"/>
      <c r="UKW25" s="6"/>
      <c r="UKX25" s="6"/>
      <c r="UKY25" s="6"/>
      <c r="UKZ25" s="6"/>
      <c r="ULA25" s="6"/>
      <c r="ULB25" s="6"/>
      <c r="ULC25" s="6"/>
      <c r="ULD25" s="6"/>
      <c r="ULE25" s="6"/>
      <c r="ULF25" s="6"/>
      <c r="ULG25" s="6"/>
      <c r="ULH25" s="6"/>
      <c r="ULI25" s="6"/>
      <c r="ULJ25" s="6"/>
      <c r="ULK25" s="6"/>
      <c r="ULL25" s="6"/>
      <c r="ULM25" s="6"/>
      <c r="ULN25" s="6"/>
      <c r="ULO25" s="6"/>
      <c r="ULP25" s="6"/>
      <c r="ULQ25" s="6"/>
      <c r="ULR25" s="6"/>
      <c r="ULS25" s="6"/>
      <c r="ULT25" s="6"/>
      <c r="ULU25" s="6"/>
      <c r="ULV25" s="6"/>
      <c r="ULW25" s="6"/>
      <c r="ULX25" s="6"/>
      <c r="ULY25" s="6"/>
      <c r="ULZ25" s="6"/>
      <c r="UMA25" s="6"/>
      <c r="UMB25" s="6"/>
      <c r="UMC25" s="6"/>
      <c r="UMD25" s="6"/>
      <c r="UME25" s="6"/>
      <c r="UMF25" s="6"/>
      <c r="UMG25" s="6"/>
      <c r="UMH25" s="6"/>
      <c r="UMI25" s="6"/>
      <c r="UMJ25" s="6"/>
      <c r="UMK25" s="6"/>
      <c r="UML25" s="6"/>
      <c r="UMM25" s="6"/>
      <c r="UMN25" s="6"/>
      <c r="UMO25" s="6"/>
      <c r="UMP25" s="6"/>
      <c r="UMQ25" s="6"/>
      <c r="UMR25" s="6"/>
      <c r="UMS25" s="6"/>
      <c r="UMT25" s="6"/>
      <c r="UMU25" s="6"/>
      <c r="UMV25" s="6"/>
      <c r="UMW25" s="6"/>
      <c r="UMX25" s="6"/>
      <c r="UMY25" s="6"/>
      <c r="UMZ25" s="6"/>
      <c r="UNA25" s="6"/>
      <c r="UNB25" s="6"/>
      <c r="UNC25" s="6"/>
      <c r="UND25" s="6"/>
      <c r="UNE25" s="6"/>
      <c r="UNF25" s="6"/>
      <c r="UNG25" s="6"/>
      <c r="UNH25" s="6"/>
      <c r="UNI25" s="6"/>
      <c r="UNJ25" s="6"/>
      <c r="UNK25" s="6"/>
      <c r="UNL25" s="6"/>
      <c r="UNM25" s="6"/>
      <c r="UNN25" s="6"/>
      <c r="UNO25" s="6"/>
      <c r="UNP25" s="6"/>
      <c r="UNQ25" s="6"/>
      <c r="UNR25" s="6"/>
      <c r="UNS25" s="6"/>
      <c r="UNT25" s="6"/>
      <c r="UNU25" s="6"/>
      <c r="UNV25" s="6"/>
      <c r="UNW25" s="6"/>
      <c r="UNX25" s="6"/>
      <c r="UNY25" s="6"/>
      <c r="UNZ25" s="6"/>
      <c r="UOA25" s="6"/>
      <c r="UOB25" s="6"/>
      <c r="UOC25" s="6"/>
      <c r="UOD25" s="6"/>
      <c r="UOE25" s="6"/>
      <c r="UOF25" s="6"/>
      <c r="UOG25" s="6"/>
      <c r="UOH25" s="6"/>
      <c r="UOI25" s="6"/>
      <c r="UOJ25" s="6"/>
      <c r="UOK25" s="6"/>
      <c r="UOL25" s="6"/>
      <c r="UOM25" s="6"/>
      <c r="UON25" s="6"/>
      <c r="UOO25" s="6"/>
      <c r="UOP25" s="6"/>
      <c r="UOQ25" s="6"/>
      <c r="UOR25" s="6"/>
      <c r="UOS25" s="6"/>
      <c r="UOT25" s="6"/>
      <c r="UOU25" s="6"/>
      <c r="UOV25" s="6"/>
      <c r="UOW25" s="6"/>
      <c r="UOX25" s="6"/>
      <c r="UOY25" s="6"/>
      <c r="UOZ25" s="6"/>
      <c r="UPA25" s="6"/>
      <c r="UPB25" s="6"/>
      <c r="UPC25" s="6"/>
      <c r="UPD25" s="6"/>
      <c r="UPE25" s="6"/>
      <c r="UPF25" s="6"/>
      <c r="UPG25" s="6"/>
      <c r="UPH25" s="6"/>
      <c r="UPI25" s="6"/>
      <c r="UPJ25" s="6"/>
      <c r="UPK25" s="6"/>
      <c r="UPL25" s="6"/>
      <c r="UPM25" s="6"/>
      <c r="UPN25" s="6"/>
      <c r="UPO25" s="6"/>
      <c r="UPP25" s="6"/>
      <c r="UPQ25" s="6"/>
      <c r="UPR25" s="6"/>
      <c r="UPS25" s="6"/>
      <c r="UPT25" s="6"/>
      <c r="UPU25" s="6"/>
      <c r="UPV25" s="6"/>
      <c r="UPW25" s="6"/>
      <c r="UPX25" s="6"/>
      <c r="UPY25" s="6"/>
      <c r="UPZ25" s="6"/>
      <c r="UQA25" s="6"/>
      <c r="UQB25" s="6"/>
      <c r="UQC25" s="6"/>
      <c r="UQD25" s="6"/>
      <c r="UQE25" s="6"/>
      <c r="UQF25" s="6"/>
      <c r="UQG25" s="6"/>
      <c r="UQH25" s="6"/>
      <c r="UQI25" s="6"/>
      <c r="UQJ25" s="6"/>
      <c r="UQK25" s="6"/>
      <c r="UQL25" s="6"/>
      <c r="UQM25" s="6"/>
      <c r="UQN25" s="6"/>
      <c r="UQO25" s="6"/>
      <c r="UQP25" s="6"/>
      <c r="UQQ25" s="6"/>
      <c r="UQR25" s="6"/>
      <c r="UQS25" s="6"/>
      <c r="UQT25" s="6"/>
      <c r="UQU25" s="6"/>
      <c r="UQV25" s="6"/>
      <c r="UQW25" s="6"/>
      <c r="UQX25" s="6"/>
      <c r="UQY25" s="6"/>
      <c r="UQZ25" s="6"/>
      <c r="URA25" s="6"/>
      <c r="URB25" s="6"/>
      <c r="URC25" s="6"/>
      <c r="URD25" s="6"/>
      <c r="URE25" s="6"/>
      <c r="URF25" s="6"/>
      <c r="URG25" s="6"/>
      <c r="URH25" s="6"/>
      <c r="URI25" s="6"/>
      <c r="URJ25" s="6"/>
      <c r="URK25" s="6"/>
      <c r="URL25" s="6"/>
      <c r="URM25" s="6"/>
      <c r="URN25" s="6"/>
      <c r="URO25" s="6"/>
      <c r="URP25" s="6"/>
      <c r="URQ25" s="6"/>
      <c r="URR25" s="6"/>
      <c r="URS25" s="6"/>
      <c r="URT25" s="6"/>
      <c r="URU25" s="6"/>
      <c r="URV25" s="6"/>
      <c r="URW25" s="6"/>
      <c r="URX25" s="6"/>
      <c r="URY25" s="6"/>
      <c r="URZ25" s="6"/>
      <c r="USA25" s="6"/>
      <c r="USB25" s="6"/>
      <c r="USC25" s="6"/>
      <c r="USD25" s="6"/>
      <c r="USE25" s="6"/>
      <c r="USF25" s="6"/>
      <c r="USG25" s="6"/>
      <c r="USH25" s="6"/>
      <c r="USI25" s="6"/>
      <c r="USJ25" s="6"/>
      <c r="USK25" s="6"/>
      <c r="USL25" s="6"/>
      <c r="USM25" s="6"/>
      <c r="USN25" s="6"/>
      <c r="USO25" s="6"/>
      <c r="USP25" s="6"/>
      <c r="USQ25" s="6"/>
      <c r="USR25" s="6"/>
      <c r="USS25" s="6"/>
      <c r="UST25" s="6"/>
      <c r="USU25" s="6"/>
      <c r="USV25" s="6"/>
      <c r="USW25" s="6"/>
      <c r="USX25" s="6"/>
      <c r="USY25" s="6"/>
      <c r="USZ25" s="6"/>
      <c r="UTA25" s="6"/>
      <c r="UTB25" s="6"/>
      <c r="UTC25" s="6"/>
      <c r="UTD25" s="6"/>
      <c r="UTE25" s="6"/>
      <c r="UTF25" s="6"/>
      <c r="UTG25" s="6"/>
      <c r="UTH25" s="6"/>
      <c r="UTI25" s="6"/>
      <c r="UTJ25" s="6"/>
      <c r="UTK25" s="6"/>
      <c r="UTL25" s="6"/>
      <c r="UTM25" s="6"/>
      <c r="UTN25" s="6"/>
      <c r="UTO25" s="6"/>
      <c r="UTP25" s="6"/>
      <c r="UTQ25" s="6"/>
      <c r="UTR25" s="6"/>
      <c r="UTS25" s="6"/>
      <c r="UTT25" s="6"/>
      <c r="UTU25" s="6"/>
      <c r="UTV25" s="6"/>
      <c r="UTW25" s="6"/>
      <c r="UTX25" s="6"/>
      <c r="UTY25" s="6"/>
      <c r="UTZ25" s="6"/>
      <c r="UUA25" s="6"/>
      <c r="UUB25" s="6"/>
      <c r="UUC25" s="6"/>
      <c r="UUD25" s="6"/>
      <c r="UUE25" s="6"/>
      <c r="UUF25" s="6"/>
      <c r="UUG25" s="6"/>
      <c r="UUH25" s="6"/>
      <c r="UUI25" s="6"/>
      <c r="UUJ25" s="6"/>
      <c r="UUK25" s="6"/>
      <c r="UUL25" s="6"/>
      <c r="UUM25" s="6"/>
      <c r="UUN25" s="6"/>
      <c r="UUO25" s="6"/>
      <c r="UUP25" s="6"/>
      <c r="UUQ25" s="6"/>
      <c r="UUR25" s="6"/>
      <c r="UUS25" s="6"/>
      <c r="UUT25" s="6"/>
      <c r="UUU25" s="6"/>
      <c r="UUV25" s="6"/>
      <c r="UUW25" s="6"/>
      <c r="UUX25" s="6"/>
      <c r="UUY25" s="6"/>
      <c r="UUZ25" s="6"/>
      <c r="UVA25" s="6"/>
      <c r="UVB25" s="6"/>
      <c r="UVC25" s="6"/>
      <c r="UVD25" s="6"/>
      <c r="UVE25" s="6"/>
      <c r="UVF25" s="6"/>
      <c r="UVG25" s="6"/>
      <c r="UVH25" s="6"/>
      <c r="UVI25" s="6"/>
      <c r="UVJ25" s="6"/>
      <c r="UVK25" s="6"/>
      <c r="UVL25" s="6"/>
      <c r="UVM25" s="6"/>
      <c r="UVN25" s="6"/>
      <c r="UVO25" s="6"/>
      <c r="UVP25" s="6"/>
      <c r="UVQ25" s="6"/>
      <c r="UVR25" s="6"/>
      <c r="UVS25" s="6"/>
      <c r="UVT25" s="6"/>
      <c r="UVU25" s="6"/>
      <c r="UVV25" s="6"/>
      <c r="UVW25" s="6"/>
      <c r="UVX25" s="6"/>
      <c r="UVY25" s="6"/>
      <c r="UVZ25" s="6"/>
      <c r="UWA25" s="6"/>
      <c r="UWB25" s="6"/>
      <c r="UWC25" s="6"/>
      <c r="UWD25" s="6"/>
      <c r="UWE25" s="6"/>
      <c r="UWF25" s="6"/>
      <c r="UWG25" s="6"/>
      <c r="UWH25" s="6"/>
      <c r="UWI25" s="6"/>
      <c r="UWJ25" s="6"/>
      <c r="UWK25" s="6"/>
      <c r="UWL25" s="6"/>
      <c r="UWM25" s="6"/>
      <c r="UWN25" s="6"/>
      <c r="UWO25" s="6"/>
      <c r="UWP25" s="6"/>
      <c r="UWQ25" s="6"/>
      <c r="UWR25" s="6"/>
      <c r="UWS25" s="6"/>
      <c r="UWT25" s="6"/>
      <c r="UWU25" s="6"/>
      <c r="UWV25" s="6"/>
      <c r="UWW25" s="6"/>
      <c r="UWX25" s="6"/>
      <c r="UWY25" s="6"/>
      <c r="UWZ25" s="6"/>
      <c r="UXA25" s="6"/>
      <c r="UXB25" s="6"/>
      <c r="UXC25" s="6"/>
      <c r="UXD25" s="6"/>
      <c r="UXE25" s="6"/>
      <c r="UXF25" s="6"/>
      <c r="UXG25" s="6"/>
      <c r="UXH25" s="6"/>
      <c r="UXI25" s="6"/>
      <c r="UXJ25" s="6"/>
      <c r="UXK25" s="6"/>
      <c r="UXL25" s="6"/>
      <c r="UXM25" s="6"/>
      <c r="UXN25" s="6"/>
      <c r="UXO25" s="6"/>
      <c r="UXP25" s="6"/>
      <c r="UXQ25" s="6"/>
      <c r="UXR25" s="6"/>
      <c r="UXS25" s="6"/>
      <c r="UXT25" s="6"/>
      <c r="UXU25" s="6"/>
      <c r="UXV25" s="6"/>
      <c r="UXW25" s="6"/>
      <c r="UXX25" s="6"/>
      <c r="UXY25" s="6"/>
      <c r="UXZ25" s="6"/>
      <c r="UYA25" s="6"/>
      <c r="UYB25" s="6"/>
      <c r="UYC25" s="6"/>
      <c r="UYD25" s="6"/>
      <c r="UYE25" s="6"/>
      <c r="UYF25" s="6"/>
      <c r="UYG25" s="6"/>
      <c r="UYH25" s="6"/>
      <c r="UYI25" s="6"/>
      <c r="UYJ25" s="6"/>
      <c r="UYK25" s="6"/>
      <c r="UYL25" s="6"/>
      <c r="UYM25" s="6"/>
      <c r="UYN25" s="6"/>
      <c r="UYO25" s="6"/>
      <c r="UYP25" s="6"/>
      <c r="UYQ25" s="6"/>
      <c r="UYR25" s="6"/>
      <c r="UYS25" s="6"/>
      <c r="UYT25" s="6"/>
      <c r="UYU25" s="6"/>
      <c r="UYV25" s="6"/>
      <c r="UYW25" s="6"/>
      <c r="UYX25" s="6"/>
      <c r="UYY25" s="6"/>
      <c r="UYZ25" s="6"/>
      <c r="UZA25" s="6"/>
      <c r="UZB25" s="6"/>
      <c r="UZC25" s="6"/>
      <c r="UZD25" s="6"/>
      <c r="UZE25" s="6"/>
      <c r="UZF25" s="6"/>
      <c r="UZG25" s="6"/>
      <c r="UZH25" s="6"/>
      <c r="UZI25" s="6"/>
      <c r="UZJ25" s="6"/>
      <c r="UZK25" s="6"/>
      <c r="UZL25" s="6"/>
      <c r="UZM25" s="6"/>
      <c r="UZN25" s="6"/>
      <c r="UZO25" s="6"/>
      <c r="UZP25" s="6"/>
      <c r="UZQ25" s="6"/>
      <c r="UZR25" s="6"/>
      <c r="UZS25" s="6"/>
      <c r="UZT25" s="6"/>
      <c r="UZU25" s="6"/>
      <c r="UZV25" s="6"/>
      <c r="UZW25" s="6"/>
      <c r="UZX25" s="6"/>
      <c r="UZY25" s="6"/>
      <c r="UZZ25" s="6"/>
      <c r="VAA25" s="6"/>
      <c r="VAB25" s="6"/>
      <c r="VAC25" s="6"/>
      <c r="VAD25" s="6"/>
      <c r="VAE25" s="6"/>
      <c r="VAF25" s="6"/>
      <c r="VAG25" s="6"/>
      <c r="VAH25" s="6"/>
      <c r="VAI25" s="6"/>
      <c r="VAJ25" s="6"/>
      <c r="VAK25" s="6"/>
      <c r="VAL25" s="6"/>
      <c r="VAM25" s="6"/>
      <c r="VAN25" s="6"/>
      <c r="VAO25" s="6"/>
      <c r="VAP25" s="6"/>
      <c r="VAQ25" s="6"/>
      <c r="VAR25" s="6"/>
      <c r="VAS25" s="6"/>
      <c r="VAT25" s="6"/>
      <c r="VAU25" s="6"/>
      <c r="VAV25" s="6"/>
      <c r="VAW25" s="6"/>
      <c r="VAX25" s="6"/>
      <c r="VAY25" s="6"/>
      <c r="VAZ25" s="6"/>
      <c r="VBA25" s="6"/>
      <c r="VBB25" s="6"/>
      <c r="VBC25" s="6"/>
      <c r="VBD25" s="6"/>
      <c r="VBE25" s="6"/>
      <c r="VBF25" s="6"/>
      <c r="VBG25" s="6"/>
      <c r="VBH25" s="6"/>
      <c r="VBI25" s="6"/>
      <c r="VBJ25" s="6"/>
      <c r="VBK25" s="6"/>
      <c r="VBL25" s="6"/>
      <c r="VBM25" s="6"/>
      <c r="VBN25" s="6"/>
      <c r="VBO25" s="6"/>
      <c r="VBP25" s="6"/>
      <c r="VBQ25" s="6"/>
      <c r="VBR25" s="6"/>
      <c r="VBS25" s="6"/>
      <c r="VBT25" s="6"/>
      <c r="VBU25" s="6"/>
      <c r="VBV25" s="6"/>
      <c r="VBW25" s="6"/>
      <c r="VBX25" s="6"/>
      <c r="VBY25" s="6"/>
      <c r="VBZ25" s="6"/>
      <c r="VCA25" s="6"/>
      <c r="VCB25" s="6"/>
      <c r="VCC25" s="6"/>
      <c r="VCD25" s="6"/>
      <c r="VCE25" s="6"/>
      <c r="VCF25" s="6"/>
      <c r="VCG25" s="6"/>
      <c r="VCH25" s="6"/>
      <c r="VCI25" s="6"/>
      <c r="VCJ25" s="6"/>
      <c r="VCK25" s="6"/>
      <c r="VCL25" s="6"/>
      <c r="VCM25" s="6"/>
      <c r="VCN25" s="6"/>
      <c r="VCO25" s="6"/>
      <c r="VCP25" s="6"/>
      <c r="VCQ25" s="6"/>
      <c r="VCR25" s="6"/>
      <c r="VCS25" s="6"/>
      <c r="VCT25" s="6"/>
      <c r="VCU25" s="6"/>
      <c r="VCV25" s="6"/>
      <c r="VCW25" s="6"/>
      <c r="VCX25" s="6"/>
      <c r="VCY25" s="6"/>
      <c r="VCZ25" s="6"/>
      <c r="VDA25" s="6"/>
      <c r="VDB25" s="6"/>
      <c r="VDC25" s="6"/>
      <c r="VDD25" s="6"/>
      <c r="VDE25" s="6"/>
      <c r="VDF25" s="6"/>
      <c r="VDG25" s="6"/>
      <c r="VDH25" s="6"/>
      <c r="VDI25" s="6"/>
      <c r="VDJ25" s="6"/>
      <c r="VDK25" s="6"/>
      <c r="VDL25" s="6"/>
      <c r="VDM25" s="6"/>
      <c r="VDN25" s="6"/>
      <c r="VDO25" s="6"/>
      <c r="VDP25" s="6"/>
      <c r="VDQ25" s="6"/>
      <c r="VDR25" s="6"/>
      <c r="VDS25" s="6"/>
      <c r="VDT25" s="6"/>
      <c r="VDU25" s="6"/>
      <c r="VDV25" s="6"/>
      <c r="VDW25" s="6"/>
      <c r="VDX25" s="6"/>
      <c r="VDY25" s="6"/>
      <c r="VDZ25" s="6"/>
      <c r="VEA25" s="6"/>
      <c r="VEB25" s="6"/>
      <c r="VEC25" s="6"/>
      <c r="VED25" s="6"/>
      <c r="VEE25" s="6"/>
      <c r="VEF25" s="6"/>
      <c r="VEG25" s="6"/>
      <c r="VEH25" s="6"/>
      <c r="VEI25" s="6"/>
      <c r="VEJ25" s="6"/>
      <c r="VEK25" s="6"/>
      <c r="VEL25" s="6"/>
      <c r="VEM25" s="6"/>
      <c r="VEN25" s="6"/>
      <c r="VEO25" s="6"/>
      <c r="VEP25" s="6"/>
      <c r="VEQ25" s="6"/>
      <c r="VER25" s="6"/>
      <c r="VES25" s="6"/>
      <c r="VET25" s="6"/>
      <c r="VEU25" s="6"/>
      <c r="VEV25" s="6"/>
      <c r="VEW25" s="6"/>
      <c r="VEX25" s="6"/>
      <c r="VEY25" s="6"/>
      <c r="VEZ25" s="6"/>
      <c r="VFA25" s="6"/>
      <c r="VFB25" s="6"/>
      <c r="VFC25" s="6"/>
      <c r="VFD25" s="6"/>
      <c r="VFE25" s="6"/>
      <c r="VFF25" s="6"/>
      <c r="VFG25" s="6"/>
      <c r="VFH25" s="6"/>
      <c r="VFI25" s="6"/>
      <c r="VFJ25" s="6"/>
      <c r="VFK25" s="6"/>
      <c r="VFL25" s="6"/>
      <c r="VFM25" s="6"/>
      <c r="VFN25" s="6"/>
      <c r="VFO25" s="6"/>
      <c r="VFP25" s="6"/>
      <c r="VFQ25" s="6"/>
      <c r="VFR25" s="6"/>
      <c r="VFS25" s="6"/>
      <c r="VFT25" s="6"/>
      <c r="VFU25" s="6"/>
      <c r="VFV25" s="6"/>
      <c r="VFW25" s="6"/>
      <c r="VFX25" s="6"/>
      <c r="VFY25" s="6"/>
      <c r="VFZ25" s="6"/>
      <c r="VGA25" s="6"/>
      <c r="VGB25" s="6"/>
      <c r="VGC25" s="6"/>
      <c r="VGD25" s="6"/>
      <c r="VGE25" s="6"/>
      <c r="VGF25" s="6"/>
      <c r="VGG25" s="6"/>
      <c r="VGH25" s="6"/>
      <c r="VGI25" s="6"/>
      <c r="VGJ25" s="6"/>
      <c r="VGK25" s="6"/>
      <c r="VGL25" s="6"/>
      <c r="VGM25" s="6"/>
      <c r="VGN25" s="6"/>
      <c r="VGO25" s="6"/>
      <c r="VGP25" s="6"/>
      <c r="VGQ25" s="6"/>
      <c r="VGR25" s="6"/>
      <c r="VGS25" s="6"/>
      <c r="VGT25" s="6"/>
      <c r="VGU25" s="6"/>
      <c r="VGV25" s="6"/>
      <c r="VGW25" s="6"/>
      <c r="VGX25" s="6"/>
      <c r="VGY25" s="6"/>
      <c r="VGZ25" s="6"/>
      <c r="VHA25" s="6"/>
      <c r="VHB25" s="6"/>
      <c r="VHC25" s="6"/>
      <c r="VHD25" s="6"/>
      <c r="VHE25" s="6"/>
      <c r="VHF25" s="6"/>
      <c r="VHG25" s="6"/>
      <c r="VHH25" s="6"/>
      <c r="VHI25" s="6"/>
      <c r="VHJ25" s="6"/>
      <c r="VHK25" s="6"/>
      <c r="VHL25" s="6"/>
      <c r="VHM25" s="6"/>
      <c r="VHN25" s="6"/>
      <c r="VHO25" s="6"/>
      <c r="VHP25" s="6"/>
      <c r="VHQ25" s="6"/>
      <c r="VHR25" s="6"/>
      <c r="VHS25" s="6"/>
      <c r="VHT25" s="6"/>
      <c r="VHU25" s="6"/>
      <c r="VHV25" s="6"/>
      <c r="VHW25" s="6"/>
      <c r="VHX25" s="6"/>
      <c r="VHY25" s="6"/>
      <c r="VHZ25" s="6"/>
      <c r="VIA25" s="6"/>
      <c r="VIB25" s="6"/>
      <c r="VIC25" s="6"/>
      <c r="VID25" s="6"/>
      <c r="VIE25" s="6"/>
      <c r="VIF25" s="6"/>
      <c r="VIG25" s="6"/>
      <c r="VIH25" s="6"/>
      <c r="VII25" s="6"/>
      <c r="VIJ25" s="6"/>
      <c r="VIK25" s="6"/>
      <c r="VIL25" s="6"/>
      <c r="VIM25" s="6"/>
      <c r="VIN25" s="6"/>
      <c r="VIO25" s="6"/>
      <c r="VIP25" s="6"/>
      <c r="VIQ25" s="6"/>
      <c r="VIR25" s="6"/>
      <c r="VIS25" s="6"/>
      <c r="VIT25" s="6"/>
      <c r="VIU25" s="6"/>
      <c r="VIV25" s="6"/>
      <c r="VIW25" s="6"/>
      <c r="VIX25" s="6"/>
      <c r="VIY25" s="6"/>
      <c r="VIZ25" s="6"/>
      <c r="VJA25" s="6"/>
      <c r="VJB25" s="6"/>
      <c r="VJC25" s="6"/>
      <c r="VJD25" s="6"/>
      <c r="VJE25" s="6"/>
      <c r="VJF25" s="6"/>
      <c r="VJG25" s="6"/>
      <c r="VJH25" s="6"/>
      <c r="VJI25" s="6"/>
      <c r="VJJ25" s="6"/>
      <c r="VJK25" s="6"/>
      <c r="VJL25" s="6"/>
      <c r="VJM25" s="6"/>
      <c r="VJN25" s="6"/>
      <c r="VJO25" s="6"/>
      <c r="VJP25" s="6"/>
      <c r="VJQ25" s="6"/>
      <c r="VJR25" s="6"/>
      <c r="VJS25" s="6"/>
      <c r="VJT25" s="6"/>
      <c r="VJU25" s="6"/>
      <c r="VJV25" s="6"/>
      <c r="VJW25" s="6"/>
      <c r="VJX25" s="6"/>
      <c r="VJY25" s="6"/>
      <c r="VJZ25" s="6"/>
      <c r="VKA25" s="6"/>
      <c r="VKB25" s="6"/>
      <c r="VKC25" s="6"/>
      <c r="VKD25" s="6"/>
      <c r="VKE25" s="6"/>
      <c r="VKF25" s="6"/>
      <c r="VKG25" s="6"/>
      <c r="VKH25" s="6"/>
      <c r="VKI25" s="6"/>
      <c r="VKJ25" s="6"/>
      <c r="VKK25" s="6"/>
      <c r="VKL25" s="6"/>
      <c r="VKM25" s="6"/>
      <c r="VKN25" s="6"/>
      <c r="VKO25" s="6"/>
      <c r="VKP25" s="6"/>
      <c r="VKQ25" s="6"/>
      <c r="VKR25" s="6"/>
      <c r="VKS25" s="6"/>
      <c r="VKT25" s="6"/>
      <c r="VKU25" s="6"/>
      <c r="VKV25" s="6"/>
      <c r="VKW25" s="6"/>
      <c r="VKX25" s="6"/>
      <c r="VKY25" s="6"/>
      <c r="VKZ25" s="6"/>
      <c r="VLA25" s="6"/>
      <c r="VLB25" s="6"/>
      <c r="VLC25" s="6"/>
      <c r="VLD25" s="6"/>
      <c r="VLE25" s="6"/>
      <c r="VLF25" s="6"/>
      <c r="VLG25" s="6"/>
      <c r="VLH25" s="6"/>
      <c r="VLI25" s="6"/>
      <c r="VLJ25" s="6"/>
      <c r="VLK25" s="6"/>
      <c r="VLL25" s="6"/>
      <c r="VLM25" s="6"/>
      <c r="VLN25" s="6"/>
      <c r="VLO25" s="6"/>
      <c r="VLP25" s="6"/>
      <c r="VLQ25" s="6"/>
      <c r="VLR25" s="6"/>
      <c r="VLS25" s="6"/>
      <c r="VLT25" s="6"/>
      <c r="VLU25" s="6"/>
      <c r="VLV25" s="6"/>
      <c r="VLW25" s="6"/>
      <c r="VLX25" s="6"/>
      <c r="VLY25" s="6"/>
      <c r="VLZ25" s="6"/>
      <c r="VMA25" s="6"/>
      <c r="VMB25" s="6"/>
      <c r="VMC25" s="6"/>
      <c r="VMD25" s="6"/>
      <c r="VME25" s="6"/>
      <c r="VMF25" s="6"/>
      <c r="VMG25" s="6"/>
      <c r="VMH25" s="6"/>
      <c r="VMI25" s="6"/>
      <c r="VMJ25" s="6"/>
      <c r="VMK25" s="6"/>
      <c r="VML25" s="6"/>
      <c r="VMM25" s="6"/>
      <c r="VMN25" s="6"/>
      <c r="VMO25" s="6"/>
      <c r="VMP25" s="6"/>
      <c r="VMQ25" s="6"/>
      <c r="VMR25" s="6"/>
      <c r="VMS25" s="6"/>
      <c r="VMT25" s="6"/>
      <c r="VMU25" s="6"/>
      <c r="VMV25" s="6"/>
      <c r="VMW25" s="6"/>
      <c r="VMX25" s="6"/>
      <c r="VMY25" s="6"/>
      <c r="VMZ25" s="6"/>
      <c r="VNA25" s="6"/>
      <c r="VNB25" s="6"/>
      <c r="VNC25" s="6"/>
      <c r="VND25" s="6"/>
      <c r="VNE25" s="6"/>
      <c r="VNF25" s="6"/>
      <c r="VNG25" s="6"/>
      <c r="VNH25" s="6"/>
      <c r="VNI25" s="6"/>
      <c r="VNJ25" s="6"/>
      <c r="VNK25" s="6"/>
      <c r="VNL25" s="6"/>
      <c r="VNM25" s="6"/>
      <c r="VNN25" s="6"/>
      <c r="VNO25" s="6"/>
      <c r="VNP25" s="6"/>
      <c r="VNQ25" s="6"/>
      <c r="VNR25" s="6"/>
      <c r="VNS25" s="6"/>
      <c r="VNT25" s="6"/>
      <c r="VNU25" s="6"/>
      <c r="VNV25" s="6"/>
      <c r="VNW25" s="6"/>
      <c r="VNX25" s="6"/>
      <c r="VNY25" s="6"/>
      <c r="VNZ25" s="6"/>
      <c r="VOA25" s="6"/>
      <c r="VOB25" s="6"/>
      <c r="VOC25" s="6"/>
      <c r="VOD25" s="6"/>
      <c r="VOE25" s="6"/>
      <c r="VOF25" s="6"/>
      <c r="VOG25" s="6"/>
      <c r="VOH25" s="6"/>
      <c r="VOI25" s="6"/>
      <c r="VOJ25" s="6"/>
      <c r="VOK25" s="6"/>
      <c r="VOL25" s="6"/>
      <c r="VOM25" s="6"/>
      <c r="VON25" s="6"/>
      <c r="VOO25" s="6"/>
      <c r="VOP25" s="6"/>
      <c r="VOQ25" s="6"/>
      <c r="VOR25" s="6"/>
      <c r="VOS25" s="6"/>
      <c r="VOT25" s="6"/>
      <c r="VOU25" s="6"/>
      <c r="VOV25" s="6"/>
      <c r="VOW25" s="6"/>
      <c r="VOX25" s="6"/>
      <c r="VOY25" s="6"/>
      <c r="VOZ25" s="6"/>
      <c r="VPA25" s="6"/>
      <c r="VPB25" s="6"/>
      <c r="VPC25" s="6"/>
      <c r="VPD25" s="6"/>
      <c r="VPE25" s="6"/>
      <c r="VPF25" s="6"/>
      <c r="VPG25" s="6"/>
      <c r="VPH25" s="6"/>
      <c r="VPI25" s="6"/>
      <c r="VPJ25" s="6"/>
      <c r="VPK25" s="6"/>
      <c r="VPL25" s="6"/>
      <c r="VPM25" s="6"/>
      <c r="VPN25" s="6"/>
      <c r="VPO25" s="6"/>
      <c r="VPP25" s="6"/>
      <c r="VPQ25" s="6"/>
      <c r="VPR25" s="6"/>
      <c r="VPS25" s="6"/>
      <c r="VPT25" s="6"/>
      <c r="VPU25" s="6"/>
      <c r="VPV25" s="6"/>
      <c r="VPW25" s="6"/>
      <c r="VPX25" s="6"/>
      <c r="VPY25" s="6"/>
      <c r="VPZ25" s="6"/>
      <c r="VQA25" s="6"/>
      <c r="VQB25" s="6"/>
      <c r="VQC25" s="6"/>
      <c r="VQD25" s="6"/>
      <c r="VQE25" s="6"/>
      <c r="VQF25" s="6"/>
      <c r="VQG25" s="6"/>
      <c r="VQH25" s="6"/>
      <c r="VQI25" s="6"/>
      <c r="VQJ25" s="6"/>
      <c r="VQK25" s="6"/>
      <c r="VQL25" s="6"/>
      <c r="VQM25" s="6"/>
      <c r="VQN25" s="6"/>
      <c r="VQO25" s="6"/>
      <c r="VQP25" s="6"/>
      <c r="VQQ25" s="6"/>
      <c r="VQR25" s="6"/>
      <c r="VQS25" s="6"/>
      <c r="VQT25" s="6"/>
      <c r="VQU25" s="6"/>
      <c r="VQV25" s="6"/>
      <c r="VQW25" s="6"/>
      <c r="VQX25" s="6"/>
      <c r="VQY25" s="6"/>
      <c r="VQZ25" s="6"/>
      <c r="VRA25" s="6"/>
      <c r="VRB25" s="6"/>
      <c r="VRC25" s="6"/>
      <c r="VRD25" s="6"/>
      <c r="VRE25" s="6"/>
      <c r="VRF25" s="6"/>
      <c r="VRG25" s="6"/>
      <c r="VRH25" s="6"/>
      <c r="VRI25" s="6"/>
      <c r="VRJ25" s="6"/>
      <c r="VRK25" s="6"/>
      <c r="VRL25" s="6"/>
      <c r="VRM25" s="6"/>
      <c r="VRN25" s="6"/>
      <c r="VRO25" s="6"/>
      <c r="VRP25" s="6"/>
      <c r="VRQ25" s="6"/>
      <c r="VRR25" s="6"/>
      <c r="VRS25" s="6"/>
      <c r="VRT25" s="6"/>
      <c r="VRU25" s="6"/>
      <c r="VRV25" s="6"/>
      <c r="VRW25" s="6"/>
      <c r="VRX25" s="6"/>
      <c r="VRY25" s="6"/>
      <c r="VRZ25" s="6"/>
      <c r="VSA25" s="6"/>
      <c r="VSB25" s="6"/>
      <c r="VSC25" s="6"/>
      <c r="VSD25" s="6"/>
      <c r="VSE25" s="6"/>
      <c r="VSF25" s="6"/>
      <c r="VSG25" s="6"/>
      <c r="VSH25" s="6"/>
      <c r="VSI25" s="6"/>
      <c r="VSJ25" s="6"/>
      <c r="VSK25" s="6"/>
      <c r="VSL25" s="6"/>
      <c r="VSM25" s="6"/>
      <c r="VSN25" s="6"/>
      <c r="VSO25" s="6"/>
      <c r="VSP25" s="6"/>
      <c r="VSQ25" s="6"/>
      <c r="VSR25" s="6"/>
      <c r="VSS25" s="6"/>
      <c r="VST25" s="6"/>
      <c r="VSU25" s="6"/>
      <c r="VSV25" s="6"/>
      <c r="VSW25" s="6"/>
      <c r="VSX25" s="6"/>
      <c r="VSY25" s="6"/>
      <c r="VSZ25" s="6"/>
      <c r="VTA25" s="6"/>
      <c r="VTB25" s="6"/>
      <c r="VTC25" s="6"/>
      <c r="VTD25" s="6"/>
      <c r="VTE25" s="6"/>
      <c r="VTF25" s="6"/>
      <c r="VTG25" s="6"/>
      <c r="VTH25" s="6"/>
      <c r="VTI25" s="6"/>
      <c r="VTJ25" s="6"/>
      <c r="VTK25" s="6"/>
      <c r="VTL25" s="6"/>
      <c r="VTM25" s="6"/>
      <c r="VTN25" s="6"/>
      <c r="VTO25" s="6"/>
      <c r="VTP25" s="6"/>
      <c r="VTQ25" s="6"/>
      <c r="VTR25" s="6"/>
      <c r="VTS25" s="6"/>
      <c r="VTT25" s="6"/>
      <c r="VTU25" s="6"/>
      <c r="VTV25" s="6"/>
      <c r="VTW25" s="6"/>
      <c r="VTX25" s="6"/>
      <c r="VTY25" s="6"/>
      <c r="VTZ25" s="6"/>
      <c r="VUA25" s="6"/>
      <c r="VUB25" s="6"/>
      <c r="VUC25" s="6"/>
      <c r="VUD25" s="6"/>
      <c r="VUE25" s="6"/>
      <c r="VUF25" s="6"/>
      <c r="VUG25" s="6"/>
      <c r="VUH25" s="6"/>
      <c r="VUI25" s="6"/>
      <c r="VUJ25" s="6"/>
      <c r="VUK25" s="6"/>
      <c r="VUL25" s="6"/>
      <c r="VUM25" s="6"/>
      <c r="VUN25" s="6"/>
      <c r="VUO25" s="6"/>
      <c r="VUP25" s="6"/>
      <c r="VUQ25" s="6"/>
      <c r="VUR25" s="6"/>
      <c r="VUS25" s="6"/>
      <c r="VUT25" s="6"/>
      <c r="VUU25" s="6"/>
      <c r="VUV25" s="6"/>
      <c r="VUW25" s="6"/>
      <c r="VUX25" s="6"/>
      <c r="VUY25" s="6"/>
      <c r="VUZ25" s="6"/>
      <c r="VVA25" s="6"/>
      <c r="VVB25" s="6"/>
      <c r="VVC25" s="6"/>
      <c r="VVD25" s="6"/>
      <c r="VVE25" s="6"/>
      <c r="VVF25" s="6"/>
      <c r="VVG25" s="6"/>
      <c r="VVH25" s="6"/>
      <c r="VVI25" s="6"/>
      <c r="VVJ25" s="6"/>
      <c r="VVK25" s="6"/>
      <c r="VVL25" s="6"/>
      <c r="VVM25" s="6"/>
      <c r="VVN25" s="6"/>
      <c r="VVO25" s="6"/>
      <c r="VVP25" s="6"/>
      <c r="VVQ25" s="6"/>
      <c r="VVR25" s="6"/>
      <c r="VVS25" s="6"/>
      <c r="VVT25" s="6"/>
      <c r="VVU25" s="6"/>
      <c r="VVV25" s="6"/>
      <c r="VVW25" s="6"/>
      <c r="VVX25" s="6"/>
      <c r="VVY25" s="6"/>
      <c r="VVZ25" s="6"/>
      <c r="VWA25" s="6"/>
      <c r="VWB25" s="6"/>
      <c r="VWC25" s="6"/>
      <c r="VWD25" s="6"/>
      <c r="VWE25" s="6"/>
      <c r="VWF25" s="6"/>
      <c r="VWG25" s="6"/>
      <c r="VWH25" s="6"/>
      <c r="VWI25" s="6"/>
      <c r="VWJ25" s="6"/>
      <c r="VWK25" s="6"/>
      <c r="VWL25" s="6"/>
      <c r="VWM25" s="6"/>
      <c r="VWN25" s="6"/>
      <c r="VWO25" s="6"/>
      <c r="VWP25" s="6"/>
      <c r="VWQ25" s="6"/>
      <c r="VWR25" s="6"/>
      <c r="VWS25" s="6"/>
      <c r="VWT25" s="6"/>
      <c r="VWU25" s="6"/>
      <c r="VWV25" s="6"/>
      <c r="VWW25" s="6"/>
      <c r="VWX25" s="6"/>
      <c r="VWY25" s="6"/>
      <c r="VWZ25" s="6"/>
      <c r="VXA25" s="6"/>
      <c r="VXB25" s="6"/>
      <c r="VXC25" s="6"/>
      <c r="VXD25" s="6"/>
      <c r="VXE25" s="6"/>
      <c r="VXF25" s="6"/>
      <c r="VXG25" s="6"/>
      <c r="VXH25" s="6"/>
      <c r="VXI25" s="6"/>
      <c r="VXJ25" s="6"/>
      <c r="VXK25" s="6"/>
      <c r="VXL25" s="6"/>
      <c r="VXM25" s="6"/>
      <c r="VXN25" s="6"/>
      <c r="VXO25" s="6"/>
      <c r="VXP25" s="6"/>
      <c r="VXQ25" s="6"/>
      <c r="VXR25" s="6"/>
      <c r="VXS25" s="6"/>
      <c r="VXT25" s="6"/>
      <c r="VXU25" s="6"/>
      <c r="VXV25" s="6"/>
      <c r="VXW25" s="6"/>
      <c r="VXX25" s="6"/>
      <c r="VXY25" s="6"/>
      <c r="VXZ25" s="6"/>
      <c r="VYA25" s="6"/>
      <c r="VYB25" s="6"/>
      <c r="VYC25" s="6"/>
      <c r="VYD25" s="6"/>
      <c r="VYE25" s="6"/>
      <c r="VYF25" s="6"/>
      <c r="VYG25" s="6"/>
      <c r="VYH25" s="6"/>
      <c r="VYI25" s="6"/>
      <c r="VYJ25" s="6"/>
      <c r="VYK25" s="6"/>
      <c r="VYL25" s="6"/>
      <c r="VYM25" s="6"/>
      <c r="VYN25" s="6"/>
      <c r="VYO25" s="6"/>
      <c r="VYP25" s="6"/>
      <c r="VYQ25" s="6"/>
      <c r="VYR25" s="6"/>
      <c r="VYS25" s="6"/>
      <c r="VYT25" s="6"/>
      <c r="VYU25" s="6"/>
      <c r="VYV25" s="6"/>
      <c r="VYW25" s="6"/>
      <c r="VYX25" s="6"/>
      <c r="VYY25" s="6"/>
      <c r="VYZ25" s="6"/>
      <c r="VZA25" s="6"/>
      <c r="VZB25" s="6"/>
      <c r="VZC25" s="6"/>
      <c r="VZD25" s="6"/>
      <c r="VZE25" s="6"/>
      <c r="VZF25" s="6"/>
      <c r="VZG25" s="6"/>
      <c r="VZH25" s="6"/>
      <c r="VZI25" s="6"/>
      <c r="VZJ25" s="6"/>
      <c r="VZK25" s="6"/>
      <c r="VZL25" s="6"/>
      <c r="VZM25" s="6"/>
      <c r="VZN25" s="6"/>
      <c r="VZO25" s="6"/>
      <c r="VZP25" s="6"/>
      <c r="VZQ25" s="6"/>
      <c r="VZR25" s="6"/>
      <c r="VZS25" s="6"/>
      <c r="VZT25" s="6"/>
      <c r="VZU25" s="6"/>
      <c r="VZV25" s="6"/>
      <c r="VZW25" s="6"/>
      <c r="VZX25" s="6"/>
      <c r="VZY25" s="6"/>
      <c r="VZZ25" s="6"/>
      <c r="WAA25" s="6"/>
      <c r="WAB25" s="6"/>
      <c r="WAC25" s="6"/>
      <c r="WAD25" s="6"/>
      <c r="WAE25" s="6"/>
      <c r="WAF25" s="6"/>
      <c r="WAG25" s="6"/>
      <c r="WAH25" s="6"/>
      <c r="WAI25" s="6"/>
      <c r="WAJ25" s="6"/>
      <c r="WAK25" s="6"/>
      <c r="WAL25" s="6"/>
      <c r="WAM25" s="6"/>
      <c r="WAN25" s="6"/>
      <c r="WAO25" s="6"/>
      <c r="WAP25" s="6"/>
      <c r="WAQ25" s="6"/>
      <c r="WAR25" s="6"/>
      <c r="WAS25" s="6"/>
      <c r="WAT25" s="6"/>
      <c r="WAU25" s="6"/>
      <c r="WAV25" s="6"/>
      <c r="WAW25" s="6"/>
      <c r="WAX25" s="6"/>
      <c r="WAY25" s="6"/>
      <c r="WAZ25" s="6"/>
      <c r="WBA25" s="6"/>
      <c r="WBB25" s="6"/>
      <c r="WBC25" s="6"/>
      <c r="WBD25" s="6"/>
      <c r="WBE25" s="6"/>
      <c r="WBF25" s="6"/>
      <c r="WBG25" s="6"/>
      <c r="WBH25" s="6"/>
      <c r="WBI25" s="6"/>
      <c r="WBJ25" s="6"/>
      <c r="WBK25" s="6"/>
      <c r="WBL25" s="6"/>
      <c r="WBM25" s="6"/>
      <c r="WBN25" s="6"/>
      <c r="WBO25" s="6"/>
      <c r="WBP25" s="6"/>
      <c r="WBQ25" s="6"/>
      <c r="WBR25" s="6"/>
      <c r="WBS25" s="6"/>
      <c r="WBT25" s="6"/>
      <c r="WBU25" s="6"/>
      <c r="WBV25" s="6"/>
      <c r="WBW25" s="6"/>
      <c r="WBX25" s="6"/>
      <c r="WBY25" s="6"/>
      <c r="WBZ25" s="6"/>
      <c r="WCA25" s="6"/>
      <c r="WCB25" s="6"/>
      <c r="WCC25" s="6"/>
      <c r="WCD25" s="6"/>
      <c r="WCE25" s="6"/>
      <c r="WCF25" s="6"/>
      <c r="WCG25" s="6"/>
      <c r="WCH25" s="6"/>
      <c r="WCI25" s="6"/>
      <c r="WCJ25" s="6"/>
      <c r="WCK25" s="6"/>
      <c r="WCL25" s="6"/>
      <c r="WCM25" s="6"/>
      <c r="WCN25" s="6"/>
      <c r="WCO25" s="6"/>
      <c r="WCP25" s="6"/>
      <c r="WCQ25" s="6"/>
      <c r="WCR25" s="6"/>
      <c r="WCS25" s="6"/>
      <c r="WCT25" s="6"/>
      <c r="WCU25" s="6"/>
      <c r="WCV25" s="6"/>
      <c r="WCW25" s="6"/>
      <c r="WCX25" s="6"/>
      <c r="WCY25" s="6"/>
      <c r="WCZ25" s="6"/>
      <c r="WDA25" s="6"/>
      <c r="WDB25" s="6"/>
      <c r="WDC25" s="6"/>
      <c r="WDD25" s="6"/>
      <c r="WDE25" s="6"/>
      <c r="WDF25" s="6"/>
      <c r="WDG25" s="6"/>
      <c r="WDH25" s="6"/>
      <c r="WDI25" s="6"/>
      <c r="WDJ25" s="6"/>
      <c r="WDK25" s="6"/>
      <c r="WDL25" s="6"/>
      <c r="WDM25" s="6"/>
      <c r="WDN25" s="6"/>
      <c r="WDO25" s="6"/>
      <c r="WDP25" s="6"/>
      <c r="WDQ25" s="6"/>
      <c r="WDR25" s="6"/>
      <c r="WDS25" s="6"/>
      <c r="WDT25" s="6"/>
      <c r="WDU25" s="6"/>
      <c r="WDV25" s="6"/>
      <c r="WDW25" s="6"/>
      <c r="WDX25" s="6"/>
      <c r="WDY25" s="6"/>
      <c r="WDZ25" s="6"/>
      <c r="WEA25" s="6"/>
      <c r="WEB25" s="6"/>
      <c r="WEC25" s="6"/>
      <c r="WED25" s="6"/>
      <c r="WEE25" s="6"/>
      <c r="WEF25" s="6"/>
      <c r="WEG25" s="6"/>
      <c r="WEH25" s="6"/>
      <c r="WEI25" s="6"/>
      <c r="WEJ25" s="6"/>
      <c r="WEK25" s="6"/>
      <c r="WEL25" s="6"/>
      <c r="WEM25" s="6"/>
      <c r="WEN25" s="6"/>
      <c r="WEO25" s="6"/>
      <c r="WEP25" s="6"/>
      <c r="WEQ25" s="6"/>
      <c r="WER25" s="6"/>
      <c r="WES25" s="6"/>
      <c r="WET25" s="6"/>
      <c r="WEU25" s="6"/>
      <c r="WEV25" s="6"/>
      <c r="WEW25" s="6"/>
      <c r="WEX25" s="6"/>
      <c r="WEY25" s="6"/>
      <c r="WEZ25" s="6"/>
      <c r="WFA25" s="6"/>
      <c r="WFB25" s="6"/>
      <c r="WFC25" s="6"/>
      <c r="WFD25" s="6"/>
      <c r="WFE25" s="6"/>
      <c r="WFF25" s="6"/>
      <c r="WFG25" s="6"/>
      <c r="WFH25" s="6"/>
      <c r="WFI25" s="6"/>
      <c r="WFJ25" s="6"/>
      <c r="WFK25" s="6"/>
      <c r="WFL25" s="6"/>
      <c r="WFM25" s="6"/>
      <c r="WFN25" s="6"/>
      <c r="WFO25" s="6"/>
      <c r="WFP25" s="6"/>
      <c r="WFQ25" s="6"/>
      <c r="WFR25" s="6"/>
      <c r="WFS25" s="6"/>
      <c r="WFT25" s="6"/>
      <c r="WFU25" s="6"/>
      <c r="WFV25" s="6"/>
      <c r="WFW25" s="6"/>
      <c r="WFX25" s="6"/>
      <c r="WFY25" s="6"/>
      <c r="WFZ25" s="6"/>
      <c r="WGA25" s="6"/>
      <c r="WGB25" s="6"/>
      <c r="WGC25" s="6"/>
      <c r="WGD25" s="6"/>
      <c r="WGE25" s="6"/>
      <c r="WGF25" s="6"/>
      <c r="WGG25" s="6"/>
      <c r="WGH25" s="6"/>
      <c r="WGI25" s="6"/>
      <c r="WGJ25" s="6"/>
      <c r="WGK25" s="6"/>
      <c r="WGL25" s="6"/>
      <c r="WGM25" s="6"/>
      <c r="WGN25" s="6"/>
      <c r="WGO25" s="6"/>
      <c r="WGP25" s="6"/>
      <c r="WGQ25" s="6"/>
      <c r="WGR25" s="6"/>
      <c r="WGS25" s="6"/>
      <c r="WGT25" s="6"/>
      <c r="WGU25" s="6"/>
      <c r="WGV25" s="6"/>
      <c r="WGW25" s="6"/>
      <c r="WGX25" s="6"/>
      <c r="WGY25" s="6"/>
      <c r="WGZ25" s="6"/>
      <c r="WHA25" s="6"/>
      <c r="WHB25" s="6"/>
      <c r="WHC25" s="6"/>
      <c r="WHD25" s="6"/>
      <c r="WHE25" s="6"/>
      <c r="WHF25" s="6"/>
      <c r="WHG25" s="6"/>
      <c r="WHH25" s="6"/>
      <c r="WHI25" s="6"/>
      <c r="WHJ25" s="6"/>
      <c r="WHK25" s="6"/>
      <c r="WHL25" s="6"/>
      <c r="WHM25" s="6"/>
      <c r="WHN25" s="6"/>
      <c r="WHO25" s="6"/>
      <c r="WHP25" s="6"/>
      <c r="WHQ25" s="6"/>
      <c r="WHR25" s="6"/>
      <c r="WHS25" s="6"/>
      <c r="WHT25" s="6"/>
      <c r="WHU25" s="6"/>
      <c r="WHV25" s="6"/>
      <c r="WHW25" s="6"/>
      <c r="WHX25" s="6"/>
      <c r="WHY25" s="6"/>
      <c r="WHZ25" s="6"/>
      <c r="WIA25" s="6"/>
      <c r="WIB25" s="6"/>
      <c r="WIC25" s="6"/>
      <c r="WID25" s="6"/>
      <c r="WIE25" s="6"/>
      <c r="WIF25" s="6"/>
      <c r="WIG25" s="6"/>
      <c r="WIH25" s="6"/>
      <c r="WII25" s="6"/>
      <c r="WIJ25" s="6"/>
      <c r="WIK25" s="6"/>
      <c r="WIL25" s="6"/>
      <c r="WIM25" s="6"/>
      <c r="WIN25" s="6"/>
      <c r="WIO25" s="6"/>
      <c r="WIP25" s="6"/>
      <c r="WIQ25" s="6"/>
      <c r="WIR25" s="6"/>
      <c r="WIS25" s="6"/>
      <c r="WIT25" s="6"/>
      <c r="WIU25" s="6"/>
      <c r="WIV25" s="6"/>
      <c r="WIW25" s="6"/>
      <c r="WIX25" s="6"/>
      <c r="WIY25" s="6"/>
      <c r="WIZ25" s="6"/>
      <c r="WJA25" s="6"/>
      <c r="WJB25" s="6"/>
      <c r="WJC25" s="6"/>
      <c r="WJD25" s="6"/>
      <c r="WJE25" s="6"/>
      <c r="WJF25" s="6"/>
      <c r="WJG25" s="6"/>
      <c r="WJH25" s="6"/>
      <c r="WJI25" s="6"/>
      <c r="WJJ25" s="6"/>
      <c r="WJK25" s="6"/>
      <c r="WJL25" s="6"/>
      <c r="WJM25" s="6"/>
      <c r="WJN25" s="6"/>
      <c r="WJO25" s="6"/>
      <c r="WJP25" s="6"/>
      <c r="WJQ25" s="6"/>
      <c r="WJR25" s="6"/>
      <c r="WJS25" s="6"/>
      <c r="WJT25" s="6"/>
      <c r="WJU25" s="6"/>
      <c r="WJV25" s="6"/>
      <c r="WJW25" s="6"/>
      <c r="WJX25" s="6"/>
      <c r="WJY25" s="6"/>
      <c r="WJZ25" s="6"/>
      <c r="WKA25" s="6"/>
      <c r="WKB25" s="6"/>
      <c r="WKC25" s="6"/>
      <c r="WKD25" s="6"/>
      <c r="WKE25" s="6"/>
      <c r="WKF25" s="6"/>
      <c r="WKG25" s="6"/>
      <c r="WKH25" s="6"/>
      <c r="WKI25" s="6"/>
      <c r="WKJ25" s="6"/>
      <c r="WKK25" s="6"/>
      <c r="WKL25" s="6"/>
      <c r="WKM25" s="6"/>
      <c r="WKN25" s="6"/>
      <c r="WKO25" s="6"/>
      <c r="WKP25" s="6"/>
      <c r="WKQ25" s="6"/>
      <c r="WKR25" s="6"/>
      <c r="WKS25" s="6"/>
      <c r="WKT25" s="6"/>
      <c r="WKU25" s="6"/>
      <c r="WKV25" s="6"/>
      <c r="WKW25" s="6"/>
      <c r="WKX25" s="6"/>
      <c r="WKY25" s="6"/>
      <c r="WKZ25" s="6"/>
      <c r="WLA25" s="6"/>
      <c r="WLB25" s="6"/>
      <c r="WLC25" s="6"/>
      <c r="WLD25" s="6"/>
      <c r="WLE25" s="6"/>
      <c r="WLF25" s="6"/>
      <c r="WLG25" s="6"/>
      <c r="WLH25" s="6"/>
      <c r="WLI25" s="6"/>
      <c r="WLJ25" s="6"/>
      <c r="WLK25" s="6"/>
      <c r="WLL25" s="6"/>
      <c r="WLM25" s="6"/>
      <c r="WLN25" s="6"/>
      <c r="WLO25" s="6"/>
      <c r="WLP25" s="6"/>
      <c r="WLQ25" s="6"/>
      <c r="WLR25" s="6"/>
      <c r="WLS25" s="6"/>
      <c r="WLT25" s="6"/>
      <c r="WLU25" s="6"/>
      <c r="WLV25" s="6"/>
      <c r="WLW25" s="6"/>
      <c r="WLX25" s="6"/>
      <c r="WLY25" s="6"/>
      <c r="WLZ25" s="6"/>
      <c r="WMA25" s="6"/>
      <c r="WMB25" s="6"/>
      <c r="WMC25" s="6"/>
      <c r="WMD25" s="6"/>
      <c r="WME25" s="6"/>
      <c r="WMF25" s="6"/>
      <c r="WMG25" s="6"/>
      <c r="WMH25" s="6"/>
      <c r="WMI25" s="6"/>
      <c r="WMJ25" s="6"/>
      <c r="WMK25" s="6"/>
      <c r="WML25" s="6"/>
      <c r="WMM25" s="6"/>
      <c r="WMN25" s="6"/>
      <c r="WMO25" s="6"/>
      <c r="WMP25" s="6"/>
      <c r="WMQ25" s="6"/>
      <c r="WMR25" s="6"/>
      <c r="WMS25" s="6"/>
      <c r="WMT25" s="6"/>
      <c r="WMU25" s="6"/>
      <c r="WMV25" s="6"/>
      <c r="WMW25" s="6"/>
      <c r="WMX25" s="6"/>
      <c r="WMY25" s="6"/>
      <c r="WMZ25" s="6"/>
      <c r="WNA25" s="6"/>
      <c r="WNB25" s="6"/>
      <c r="WNC25" s="6"/>
      <c r="WND25" s="6"/>
      <c r="WNE25" s="6"/>
      <c r="WNF25" s="6"/>
      <c r="WNG25" s="6"/>
      <c r="WNH25" s="6"/>
      <c r="WNI25" s="6"/>
      <c r="WNJ25" s="6"/>
      <c r="WNK25" s="6"/>
      <c r="WNL25" s="6"/>
      <c r="WNM25" s="6"/>
      <c r="WNN25" s="6"/>
      <c r="WNO25" s="6"/>
      <c r="WNP25" s="6"/>
      <c r="WNQ25" s="6"/>
      <c r="WNR25" s="6"/>
      <c r="WNS25" s="6"/>
      <c r="WNT25" s="6"/>
      <c r="WNU25" s="6"/>
      <c r="WNV25" s="6"/>
      <c r="WNW25" s="6"/>
      <c r="WNX25" s="6"/>
      <c r="WNY25" s="6"/>
      <c r="WNZ25" s="6"/>
      <c r="WOA25" s="6"/>
      <c r="WOB25" s="6"/>
      <c r="WOC25" s="6"/>
      <c r="WOD25" s="6"/>
      <c r="WOE25" s="6"/>
      <c r="WOF25" s="6"/>
      <c r="WOG25" s="6"/>
      <c r="WOH25" s="6"/>
      <c r="WOI25" s="6"/>
      <c r="WOJ25" s="6"/>
      <c r="WOK25" s="6"/>
      <c r="WOL25" s="6"/>
      <c r="WOM25" s="6"/>
      <c r="WON25" s="6"/>
      <c r="WOO25" s="6"/>
      <c r="WOP25" s="6"/>
      <c r="WOQ25" s="6"/>
      <c r="WOR25" s="6"/>
      <c r="WOS25" s="6"/>
      <c r="WOT25" s="6"/>
      <c r="WOU25" s="6"/>
      <c r="WOV25" s="6"/>
      <c r="WOW25" s="6"/>
      <c r="WOX25" s="6"/>
      <c r="WOY25" s="6"/>
      <c r="WOZ25" s="6"/>
      <c r="WPA25" s="6"/>
      <c r="WPB25" s="6"/>
      <c r="WPC25" s="6"/>
      <c r="WPD25" s="6"/>
      <c r="WPE25" s="6"/>
      <c r="WPF25" s="6"/>
      <c r="WPG25" s="6"/>
      <c r="WPH25" s="6"/>
      <c r="WPI25" s="6"/>
      <c r="WPJ25" s="6"/>
      <c r="WPK25" s="6"/>
      <c r="WPL25" s="6"/>
      <c r="WPM25" s="6"/>
      <c r="WPN25" s="6"/>
      <c r="WPO25" s="6"/>
      <c r="WPP25" s="6"/>
      <c r="WPQ25" s="6"/>
      <c r="WPR25" s="6"/>
      <c r="WPS25" s="6"/>
      <c r="WPT25" s="6"/>
      <c r="WPU25" s="6"/>
      <c r="WPV25" s="6"/>
      <c r="WPW25" s="6"/>
      <c r="WPX25" s="6"/>
      <c r="WPY25" s="6"/>
      <c r="WPZ25" s="6"/>
      <c r="WQA25" s="6"/>
      <c r="WQB25" s="6"/>
      <c r="WQC25" s="6"/>
      <c r="WQD25" s="6"/>
      <c r="WQE25" s="6"/>
      <c r="WQF25" s="6"/>
      <c r="WQG25" s="6"/>
      <c r="WQH25" s="6"/>
      <c r="WQI25" s="6"/>
      <c r="WQJ25" s="6"/>
      <c r="WQK25" s="6"/>
      <c r="WQL25" s="6"/>
      <c r="WQM25" s="6"/>
      <c r="WQN25" s="6"/>
      <c r="WQO25" s="6"/>
      <c r="WQP25" s="6"/>
      <c r="WQQ25" s="6"/>
      <c r="WQR25" s="6"/>
      <c r="WQS25" s="6"/>
      <c r="WQT25" s="6"/>
      <c r="WQU25" s="6"/>
      <c r="WQV25" s="6"/>
      <c r="WQW25" s="6"/>
      <c r="WQX25" s="6"/>
      <c r="WQY25" s="6"/>
      <c r="WQZ25" s="6"/>
      <c r="WRA25" s="6"/>
      <c r="WRB25" s="6"/>
      <c r="WRC25" s="6"/>
      <c r="WRD25" s="6"/>
      <c r="WRE25" s="6"/>
      <c r="WRF25" s="6"/>
      <c r="WRG25" s="6"/>
      <c r="WRH25" s="6"/>
      <c r="WRI25" s="6"/>
      <c r="WRJ25" s="6"/>
      <c r="WRK25" s="6"/>
      <c r="WRL25" s="6"/>
      <c r="WRM25" s="6"/>
      <c r="WRN25" s="6"/>
      <c r="WRO25" s="6"/>
      <c r="WRP25" s="6"/>
      <c r="WRQ25" s="6"/>
      <c r="WRR25" s="6"/>
      <c r="WRS25" s="6"/>
      <c r="WRT25" s="6"/>
      <c r="WRU25" s="6"/>
      <c r="WRV25" s="6"/>
      <c r="WRW25" s="6"/>
      <c r="WRX25" s="6"/>
      <c r="WRY25" s="6"/>
      <c r="WRZ25" s="6"/>
      <c r="WSA25" s="6"/>
      <c r="WSB25" s="6"/>
      <c r="WSC25" s="6"/>
      <c r="WSD25" s="6"/>
      <c r="WSE25" s="6"/>
      <c r="WSF25" s="6"/>
      <c r="WSG25" s="6"/>
      <c r="WSH25" s="6"/>
      <c r="WSI25" s="6"/>
      <c r="WSJ25" s="6"/>
      <c r="WSK25" s="6"/>
      <c r="WSL25" s="6"/>
      <c r="WSM25" s="6"/>
      <c r="WSN25" s="6"/>
      <c r="WSO25" s="6"/>
      <c r="WSP25" s="6"/>
      <c r="WSQ25" s="6"/>
      <c r="WSR25" s="6"/>
      <c r="WSS25" s="6"/>
      <c r="WST25" s="6"/>
      <c r="WSU25" s="6"/>
      <c r="WSV25" s="6"/>
      <c r="WSW25" s="6"/>
      <c r="WSX25" s="6"/>
      <c r="WSY25" s="6"/>
      <c r="WSZ25" s="6"/>
      <c r="WTA25" s="6"/>
      <c r="WTB25" s="6"/>
      <c r="WTC25" s="6"/>
      <c r="WTD25" s="6"/>
      <c r="WTE25" s="6"/>
      <c r="WTF25" s="6"/>
      <c r="WTG25" s="6"/>
      <c r="WTH25" s="6"/>
      <c r="WTI25" s="6"/>
      <c r="WTJ25" s="6"/>
      <c r="WTK25" s="6"/>
      <c r="WTL25" s="6"/>
      <c r="WTM25" s="6"/>
      <c r="WTN25" s="6"/>
      <c r="WTO25" s="6"/>
      <c r="WTP25" s="6"/>
      <c r="WTQ25" s="6"/>
      <c r="WTR25" s="6"/>
      <c r="WTS25" s="6"/>
      <c r="WTT25" s="6"/>
      <c r="WTU25" s="6"/>
      <c r="WTV25" s="6"/>
      <c r="WTW25" s="6"/>
      <c r="WTX25" s="6"/>
      <c r="WTY25" s="6"/>
      <c r="WTZ25" s="6"/>
      <c r="WUA25" s="6"/>
      <c r="WUB25" s="6"/>
      <c r="WUC25" s="6"/>
      <c r="WUD25" s="6"/>
      <c r="WUE25" s="6"/>
      <c r="WUF25" s="6"/>
      <c r="WUG25" s="6"/>
      <c r="WUH25" s="6"/>
      <c r="WUI25" s="6"/>
      <c r="WUJ25" s="6"/>
      <c r="WUK25" s="6"/>
      <c r="WUL25" s="6"/>
      <c r="WUM25" s="6"/>
      <c r="WUN25" s="6"/>
      <c r="WUO25" s="6"/>
      <c r="WUP25" s="6"/>
      <c r="WUQ25" s="6"/>
      <c r="WUR25" s="6"/>
      <c r="WUS25" s="6"/>
      <c r="WUT25" s="6"/>
      <c r="WUU25" s="6"/>
      <c r="WUV25" s="6"/>
      <c r="WUW25" s="6"/>
      <c r="WUX25" s="6"/>
      <c r="WUY25" s="6"/>
      <c r="WUZ25" s="6"/>
      <c r="WVA25" s="6"/>
      <c r="WVB25" s="6"/>
      <c r="WVC25" s="6"/>
      <c r="WVD25" s="6"/>
      <c r="WVE25" s="6"/>
      <c r="WVF25" s="6"/>
      <c r="WVG25" s="6"/>
      <c r="WVH25" s="6"/>
      <c r="WVI25" s="6"/>
      <c r="WVJ25" s="6"/>
      <c r="WVK25" s="6"/>
      <c r="WVL25" s="6"/>
      <c r="WVM25" s="6"/>
      <c r="WVN25" s="6"/>
      <c r="WVO25" s="6"/>
      <c r="WVP25" s="6"/>
      <c r="WVQ25" s="6"/>
      <c r="WVR25" s="6"/>
      <c r="WVS25" s="6"/>
      <c r="WVT25" s="6"/>
      <c r="WVU25" s="6"/>
      <c r="WVV25" s="6"/>
      <c r="WVW25" s="6"/>
      <c r="WVX25" s="6"/>
      <c r="WVY25" s="6"/>
      <c r="WVZ25" s="6"/>
      <c r="WWA25" s="6"/>
      <c r="WWB25" s="6"/>
      <c r="WWC25" s="6"/>
      <c r="WWD25" s="6"/>
      <c r="WWE25" s="6"/>
      <c r="WWF25" s="6"/>
      <c r="WWG25" s="6"/>
      <c r="WWH25" s="6"/>
      <c r="WWI25" s="6"/>
      <c r="WWJ25" s="6"/>
      <c r="WWK25" s="6"/>
      <c r="WWL25" s="6"/>
      <c r="WWM25" s="6"/>
      <c r="WWN25" s="6"/>
      <c r="WWO25" s="6"/>
      <c r="WWP25" s="6"/>
      <c r="WWQ25" s="6"/>
      <c r="WWR25" s="6"/>
      <c r="WWS25" s="6"/>
      <c r="WWT25" s="6"/>
      <c r="WWU25" s="6"/>
      <c r="WWV25" s="6"/>
      <c r="WWW25" s="6"/>
      <c r="WWX25" s="6"/>
      <c r="WWY25" s="6"/>
      <c r="WWZ25" s="6"/>
      <c r="WXA25" s="6"/>
      <c r="WXB25" s="6"/>
      <c r="WXC25" s="6"/>
      <c r="WXD25" s="6"/>
      <c r="WXE25" s="6"/>
      <c r="WXF25" s="6"/>
      <c r="WXG25" s="6"/>
      <c r="WXH25" s="6"/>
      <c r="WXI25" s="6"/>
      <c r="WXJ25" s="6"/>
      <c r="WXK25" s="6"/>
      <c r="WXL25" s="6"/>
      <c r="WXM25" s="6"/>
      <c r="WXN25" s="6"/>
      <c r="WXO25" s="6"/>
      <c r="WXP25" s="6"/>
      <c r="WXQ25" s="6"/>
      <c r="WXR25" s="6"/>
      <c r="WXS25" s="6"/>
      <c r="WXT25" s="6"/>
      <c r="WXU25" s="6"/>
      <c r="WXV25" s="6"/>
      <c r="WXW25" s="6"/>
      <c r="WXX25" s="6"/>
      <c r="WXY25" s="6"/>
      <c r="WXZ25" s="6"/>
      <c r="WYA25" s="6"/>
      <c r="WYB25" s="6"/>
      <c r="WYC25" s="6"/>
      <c r="WYD25" s="6"/>
      <c r="WYE25" s="6"/>
      <c r="WYF25" s="6"/>
      <c r="WYG25" s="6"/>
      <c r="WYH25" s="6"/>
      <c r="WYI25" s="6"/>
      <c r="WYJ25" s="6"/>
      <c r="WYK25" s="6"/>
      <c r="WYL25" s="6"/>
      <c r="WYM25" s="6"/>
      <c r="WYN25" s="6"/>
      <c r="WYO25" s="6"/>
      <c r="WYP25" s="6"/>
      <c r="WYQ25" s="6"/>
      <c r="WYR25" s="6"/>
      <c r="WYS25" s="6"/>
      <c r="WYT25" s="6"/>
      <c r="WYU25" s="6"/>
      <c r="WYV25" s="6"/>
      <c r="WYW25" s="6"/>
      <c r="WYX25" s="6"/>
      <c r="WYY25" s="6"/>
      <c r="WYZ25" s="6"/>
      <c r="WZA25" s="6"/>
      <c r="WZB25" s="6"/>
      <c r="WZC25" s="6"/>
      <c r="WZD25" s="6"/>
      <c r="WZE25" s="6"/>
      <c r="WZF25" s="6"/>
      <c r="WZG25" s="6"/>
      <c r="WZH25" s="6"/>
      <c r="WZI25" s="6"/>
      <c r="WZJ25" s="6"/>
      <c r="WZK25" s="6"/>
      <c r="WZL25" s="6"/>
      <c r="WZM25" s="6"/>
      <c r="WZN25" s="6"/>
      <c r="WZO25" s="6"/>
      <c r="WZP25" s="6"/>
      <c r="WZQ25" s="6"/>
      <c r="WZR25" s="6"/>
      <c r="WZS25" s="6"/>
      <c r="WZT25" s="6"/>
      <c r="WZU25" s="6"/>
      <c r="WZV25" s="6"/>
      <c r="WZW25" s="6"/>
      <c r="WZX25" s="6"/>
      <c r="WZY25" s="6"/>
      <c r="WZZ25" s="6"/>
      <c r="XAA25" s="6"/>
      <c r="XAB25" s="6"/>
      <c r="XAC25" s="6"/>
      <c r="XAD25" s="6"/>
      <c r="XAE25" s="6"/>
      <c r="XAF25" s="6"/>
      <c r="XAG25" s="6"/>
      <c r="XAH25" s="6"/>
      <c r="XAI25" s="6"/>
      <c r="XAJ25" s="6"/>
      <c r="XAK25" s="6"/>
      <c r="XAL25" s="6"/>
      <c r="XAM25" s="6"/>
      <c r="XAN25" s="6"/>
      <c r="XAO25" s="6"/>
      <c r="XAP25" s="6"/>
      <c r="XAQ25" s="6"/>
      <c r="XAR25" s="6"/>
      <c r="XAS25" s="6"/>
      <c r="XAT25" s="6"/>
      <c r="XAU25" s="6"/>
      <c r="XAV25" s="6"/>
      <c r="XAW25" s="6"/>
      <c r="XAX25" s="6"/>
      <c r="XAY25" s="6"/>
      <c r="XAZ25" s="6"/>
      <c r="XBA25" s="6"/>
      <c r="XBB25" s="6"/>
      <c r="XBC25" s="6"/>
      <c r="XBD25" s="6"/>
      <c r="XBE25" s="6"/>
      <c r="XBF25" s="6"/>
      <c r="XBG25" s="6"/>
      <c r="XBH25" s="6"/>
      <c r="XBI25" s="6"/>
      <c r="XBJ25" s="6"/>
      <c r="XBK25" s="6"/>
      <c r="XBL25" s="6"/>
      <c r="XBM25" s="6"/>
      <c r="XBN25" s="6"/>
      <c r="XBO25" s="6"/>
      <c r="XBP25" s="6"/>
      <c r="XBQ25" s="6"/>
      <c r="XBR25" s="6"/>
      <c r="XBS25" s="6"/>
      <c r="XBT25" s="6"/>
      <c r="XBU25" s="6"/>
      <c r="XBV25" s="6"/>
      <c r="XBW25" s="6"/>
      <c r="XBX25" s="6"/>
      <c r="XBY25" s="6"/>
      <c r="XBZ25" s="6"/>
      <c r="XCA25" s="6"/>
      <c r="XCB25" s="6"/>
      <c r="XCC25" s="6"/>
      <c r="XCD25" s="6"/>
      <c r="XCE25" s="6"/>
      <c r="XCF25" s="6"/>
      <c r="XCG25" s="6"/>
      <c r="XCH25" s="6"/>
      <c r="XCI25" s="6"/>
      <c r="XCJ25" s="6"/>
      <c r="XCK25" s="6"/>
      <c r="XCL25" s="6"/>
      <c r="XCM25" s="6"/>
      <c r="XCN25" s="6"/>
      <c r="XCO25" s="6"/>
      <c r="XCP25" s="6"/>
      <c r="XCQ25" s="6"/>
      <c r="XCR25" s="6"/>
      <c r="XCS25" s="6"/>
      <c r="XCT25" s="6"/>
      <c r="XCU25" s="6"/>
      <c r="XCV25" s="6"/>
      <c r="XCW25" s="6"/>
      <c r="XCX25" s="6"/>
      <c r="XCY25" s="6"/>
      <c r="XCZ25" s="6"/>
      <c r="XDA25" s="6"/>
      <c r="XDB25" s="6"/>
      <c r="XDC25" s="6"/>
      <c r="XDD25" s="6"/>
      <c r="XDE25" s="6"/>
      <c r="XDF25" s="6"/>
      <c r="XDG25" s="6"/>
      <c r="XDH25" s="6"/>
      <c r="XDI25" s="6"/>
      <c r="XDJ25" s="6"/>
      <c r="XDK25" s="6"/>
      <c r="XDL25" s="6"/>
      <c r="XDM25" s="6"/>
      <c r="XDN25" s="6"/>
      <c r="XDO25" s="6"/>
      <c r="XDP25" s="6"/>
      <c r="XDQ25" s="6"/>
      <c r="XDR25" s="6"/>
      <c r="XDS25" s="6"/>
      <c r="XDT25" s="6"/>
      <c r="XDU25" s="6"/>
    </row>
    <row r="26" spans="1:16349" ht="14.25" customHeight="1" x14ac:dyDescent="0.25">
      <c r="A26" s="9" t="s">
        <v>1714</v>
      </c>
      <c r="B26" s="51" t="s">
        <v>1715</v>
      </c>
      <c r="C26" s="44"/>
      <c r="D26" s="9"/>
      <c r="E26" s="9"/>
      <c r="F26" s="20">
        <v>25785</v>
      </c>
      <c r="G26" s="21"/>
      <c r="I26" s="4"/>
      <c r="J26" s="4"/>
      <c r="K26" s="4"/>
      <c r="L26" s="4"/>
    </row>
    <row r="27" spans="1:16349" ht="14.25" customHeight="1" x14ac:dyDescent="0.25">
      <c r="A27" s="12" t="s">
        <v>1676</v>
      </c>
      <c r="B27" s="52" t="s">
        <v>2165</v>
      </c>
      <c r="C27" s="45"/>
      <c r="D27" s="12"/>
      <c r="E27" s="12"/>
      <c r="F27" s="15">
        <v>25868</v>
      </c>
      <c r="G27" s="14" t="s">
        <v>705</v>
      </c>
      <c r="I27" s="4"/>
      <c r="J27" s="4"/>
      <c r="K27" s="4"/>
      <c r="L27" s="4"/>
    </row>
    <row r="28" spans="1:16349" ht="14.25" customHeight="1" x14ac:dyDescent="0.25">
      <c r="A28" s="12" t="s">
        <v>600</v>
      </c>
      <c r="B28" s="52" t="s">
        <v>1400</v>
      </c>
      <c r="C28" s="45"/>
      <c r="D28" s="12"/>
      <c r="E28" s="12"/>
      <c r="F28" s="13">
        <v>26115</v>
      </c>
      <c r="G28" s="14" t="s">
        <v>202</v>
      </c>
      <c r="I28" s="4"/>
      <c r="J28" s="4"/>
      <c r="K28" s="4"/>
      <c r="L28" s="4"/>
    </row>
    <row r="29" spans="1:16349" ht="14.25" customHeight="1" x14ac:dyDescent="0.25">
      <c r="A29" s="12" t="s">
        <v>33</v>
      </c>
      <c r="B29" s="52" t="s">
        <v>424</v>
      </c>
      <c r="C29" s="45"/>
      <c r="D29" s="12"/>
      <c r="E29" s="12"/>
      <c r="F29" s="16">
        <v>26188</v>
      </c>
      <c r="G29" s="14" t="s">
        <v>426</v>
      </c>
      <c r="I29" s="4"/>
      <c r="J29" s="4"/>
      <c r="K29" s="4"/>
      <c r="L29" s="4"/>
    </row>
    <row r="30" spans="1:16349" ht="14.25" customHeight="1" x14ac:dyDescent="0.25">
      <c r="A30" s="12" t="s">
        <v>865</v>
      </c>
      <c r="B30" s="52" t="s">
        <v>867</v>
      </c>
      <c r="C30" s="45"/>
      <c r="D30" s="12"/>
      <c r="E30" s="12"/>
      <c r="F30" s="13">
        <v>26235</v>
      </c>
      <c r="G30" s="14" t="s">
        <v>180</v>
      </c>
      <c r="I30" s="4"/>
      <c r="J30" s="4"/>
      <c r="K30" s="4"/>
      <c r="L30" s="4"/>
    </row>
    <row r="31" spans="1:16349" ht="14.25" customHeight="1" x14ac:dyDescent="0.25">
      <c r="A31" s="12" t="s">
        <v>577</v>
      </c>
      <c r="B31" s="52" t="s">
        <v>1723</v>
      </c>
      <c r="C31" s="45"/>
      <c r="D31" s="12"/>
      <c r="E31" s="12"/>
      <c r="F31" s="15">
        <v>26252</v>
      </c>
      <c r="G31" s="14"/>
      <c r="I31" s="4"/>
      <c r="J31" s="4"/>
      <c r="K31" s="4"/>
      <c r="L31" s="4"/>
    </row>
    <row r="32" spans="1:16349" ht="14.25" customHeight="1" x14ac:dyDescent="0.25">
      <c r="A32" s="12" t="s">
        <v>1581</v>
      </c>
      <c r="B32" s="52" t="s">
        <v>1390</v>
      </c>
      <c r="C32" s="45"/>
      <c r="D32" s="12"/>
      <c r="E32" s="12"/>
      <c r="F32" s="15">
        <v>26344</v>
      </c>
      <c r="G32" s="14"/>
      <c r="I32" s="4"/>
      <c r="J32" s="4"/>
      <c r="K32" s="4"/>
      <c r="L32" s="4"/>
    </row>
    <row r="33" spans="1:12" ht="14.25" customHeight="1" x14ac:dyDescent="0.25">
      <c r="A33" s="12" t="s">
        <v>1037</v>
      </c>
      <c r="B33" s="52" t="s">
        <v>594</v>
      </c>
      <c r="C33" s="45"/>
      <c r="D33" s="12"/>
      <c r="E33" s="12"/>
      <c r="F33" s="13">
        <v>26592</v>
      </c>
      <c r="G33" s="14" t="s">
        <v>1039</v>
      </c>
      <c r="I33" s="4"/>
      <c r="J33" s="4"/>
      <c r="K33" s="4"/>
      <c r="L33" s="4"/>
    </row>
    <row r="34" spans="1:12" ht="14.25" customHeight="1" x14ac:dyDescent="0.25">
      <c r="A34" s="12" t="s">
        <v>169</v>
      </c>
      <c r="B34" s="52" t="s">
        <v>654</v>
      </c>
      <c r="C34" s="45"/>
      <c r="D34" s="12"/>
      <c r="E34" s="12"/>
      <c r="F34" s="13">
        <v>26723</v>
      </c>
      <c r="G34" s="14"/>
      <c r="I34" s="4"/>
      <c r="J34" s="4"/>
      <c r="K34" s="4"/>
      <c r="L34" s="4"/>
    </row>
    <row r="35" spans="1:12" ht="14.25" customHeight="1" x14ac:dyDescent="0.25">
      <c r="A35" s="12" t="s">
        <v>915</v>
      </c>
      <c r="B35" s="52" t="s">
        <v>1142</v>
      </c>
      <c r="C35" s="45"/>
      <c r="D35" s="12"/>
      <c r="E35" s="12"/>
      <c r="F35" s="13">
        <v>26830</v>
      </c>
      <c r="G35" s="14" t="s">
        <v>660</v>
      </c>
      <c r="I35" s="4"/>
      <c r="J35" s="4"/>
      <c r="K35" s="4"/>
      <c r="L35" s="4"/>
    </row>
    <row r="36" spans="1:12" ht="14.25" customHeight="1" x14ac:dyDescent="0.25">
      <c r="A36" s="12" t="s">
        <v>304</v>
      </c>
      <c r="B36" s="52" t="s">
        <v>308</v>
      </c>
      <c r="C36" s="45"/>
      <c r="D36" s="12"/>
      <c r="E36" s="12"/>
      <c r="F36" s="16">
        <v>26877</v>
      </c>
      <c r="G36" s="14"/>
      <c r="I36" s="4"/>
      <c r="J36" s="4"/>
      <c r="K36" s="4"/>
      <c r="L36" s="4"/>
    </row>
    <row r="37" spans="1:12" ht="14.25" customHeight="1" x14ac:dyDescent="0.25">
      <c r="A37" s="12" t="s">
        <v>458</v>
      </c>
      <c r="B37" s="52" t="s">
        <v>427</v>
      </c>
      <c r="C37" s="45"/>
      <c r="D37" s="12"/>
      <c r="E37" s="12"/>
      <c r="F37" s="13">
        <v>26886</v>
      </c>
      <c r="G37" s="14" t="s">
        <v>461</v>
      </c>
      <c r="I37" s="4"/>
      <c r="J37" s="4"/>
      <c r="K37" s="4"/>
      <c r="L37" s="4"/>
    </row>
    <row r="38" spans="1:12" ht="14.25" customHeight="1" x14ac:dyDescent="0.25">
      <c r="A38" s="12" t="s">
        <v>1412</v>
      </c>
      <c r="B38" s="52" t="s">
        <v>1311</v>
      </c>
      <c r="C38" s="45"/>
      <c r="D38" s="12"/>
      <c r="E38" s="12"/>
      <c r="F38" s="15">
        <v>26886</v>
      </c>
      <c r="G38" s="14" t="s">
        <v>922</v>
      </c>
      <c r="I38" s="4"/>
      <c r="J38" s="4"/>
      <c r="K38" s="4"/>
      <c r="L38" s="4"/>
    </row>
    <row r="39" spans="1:12" ht="14.25" customHeight="1" x14ac:dyDescent="0.25">
      <c r="A39" s="12" t="s">
        <v>602</v>
      </c>
      <c r="B39" s="52" t="s">
        <v>348</v>
      </c>
      <c r="C39" s="45"/>
      <c r="D39" s="12"/>
      <c r="E39" s="12"/>
      <c r="F39" s="13">
        <v>26963</v>
      </c>
      <c r="G39" s="14" t="s">
        <v>1372</v>
      </c>
      <c r="I39" s="4"/>
      <c r="J39" s="4"/>
      <c r="K39" s="4"/>
      <c r="L39" s="4"/>
    </row>
    <row r="40" spans="1:12" ht="14.25" customHeight="1" x14ac:dyDescent="0.25">
      <c r="A40" s="12" t="s">
        <v>750</v>
      </c>
      <c r="B40" s="52" t="s">
        <v>751</v>
      </c>
      <c r="C40" s="45"/>
      <c r="D40" s="12"/>
      <c r="E40" s="12"/>
      <c r="F40" s="16">
        <v>26967</v>
      </c>
      <c r="G40" s="14" t="s">
        <v>753</v>
      </c>
      <c r="I40" s="4"/>
      <c r="J40" s="4"/>
      <c r="K40" s="4"/>
      <c r="L40" s="4"/>
    </row>
    <row r="41" spans="1:12" ht="14.25" customHeight="1" x14ac:dyDescent="0.25">
      <c r="A41" s="12" t="s">
        <v>1357</v>
      </c>
      <c r="B41" s="52" t="s">
        <v>1358</v>
      </c>
      <c r="C41" s="45"/>
      <c r="D41" s="12"/>
      <c r="E41" s="12"/>
      <c r="F41" s="16">
        <v>27080</v>
      </c>
      <c r="G41" s="14"/>
      <c r="I41" s="4"/>
      <c r="J41" s="4"/>
      <c r="K41" s="4"/>
      <c r="L41" s="4"/>
    </row>
    <row r="42" spans="1:12" ht="14.25" customHeight="1" x14ac:dyDescent="0.25">
      <c r="A42" s="12" t="s">
        <v>514</v>
      </c>
      <c r="B42" s="52" t="s">
        <v>365</v>
      </c>
      <c r="C42" s="45"/>
      <c r="D42" s="12"/>
      <c r="E42" s="12"/>
      <c r="F42" s="13">
        <v>27273</v>
      </c>
      <c r="G42" s="14"/>
      <c r="I42" s="4"/>
      <c r="J42" s="4"/>
      <c r="K42" s="4"/>
      <c r="L42" s="4"/>
    </row>
    <row r="43" spans="1:12" ht="14.25" customHeight="1" x14ac:dyDescent="0.25">
      <c r="A43" s="12" t="s">
        <v>1711</v>
      </c>
      <c r="B43" s="52" t="s">
        <v>1712</v>
      </c>
      <c r="C43" s="45"/>
      <c r="D43" s="12"/>
      <c r="E43" s="12"/>
      <c r="F43" s="15">
        <v>27341</v>
      </c>
      <c r="G43" s="14"/>
      <c r="I43" s="4"/>
      <c r="J43" s="4"/>
      <c r="K43" s="4"/>
      <c r="L43" s="4"/>
    </row>
    <row r="44" spans="1:12" ht="14.25" customHeight="1" x14ac:dyDescent="0.25">
      <c r="A44" s="12" t="s">
        <v>841</v>
      </c>
      <c r="B44" s="52" t="s">
        <v>398</v>
      </c>
      <c r="C44" s="45"/>
      <c r="D44" s="12"/>
      <c r="E44" s="12"/>
      <c r="F44" s="16">
        <v>27380</v>
      </c>
      <c r="G44" s="14"/>
      <c r="I44" s="4"/>
      <c r="J44" s="4"/>
      <c r="K44" s="4"/>
      <c r="L44" s="4"/>
    </row>
    <row r="45" spans="1:12" ht="14.25" customHeight="1" x14ac:dyDescent="0.25">
      <c r="A45" s="12" t="s">
        <v>804</v>
      </c>
      <c r="B45" s="52" t="s">
        <v>46</v>
      </c>
      <c r="C45" s="45"/>
      <c r="D45" s="12"/>
      <c r="E45" s="12"/>
      <c r="F45" s="15">
        <v>27422</v>
      </c>
      <c r="G45" s="14"/>
      <c r="I45" s="4"/>
      <c r="J45" s="4"/>
      <c r="K45" s="4"/>
      <c r="L45" s="4"/>
    </row>
    <row r="46" spans="1:12" ht="14.25" customHeight="1" x14ac:dyDescent="0.25">
      <c r="A46" s="12" t="s">
        <v>1771</v>
      </c>
      <c r="B46" s="52" t="s">
        <v>1772</v>
      </c>
      <c r="C46" s="45"/>
      <c r="D46" s="12"/>
      <c r="E46" s="12"/>
      <c r="F46" s="15">
        <v>27484</v>
      </c>
      <c r="G46" s="14"/>
      <c r="I46" s="4"/>
      <c r="J46" s="4"/>
      <c r="K46" s="4"/>
      <c r="L46" s="4"/>
    </row>
    <row r="47" spans="1:12" ht="14.25" customHeight="1" x14ac:dyDescent="0.25">
      <c r="A47" s="12" t="s">
        <v>453</v>
      </c>
      <c r="B47" s="52" t="s">
        <v>1681</v>
      </c>
      <c r="C47" s="45"/>
      <c r="D47" s="12"/>
      <c r="E47" s="12"/>
      <c r="F47" s="15">
        <v>27514</v>
      </c>
      <c r="G47" s="14"/>
      <c r="I47" s="4"/>
      <c r="J47" s="4"/>
      <c r="K47" s="4"/>
      <c r="L47" s="4"/>
    </row>
    <row r="48" spans="1:12" ht="14.25" customHeight="1" x14ac:dyDescent="0.25">
      <c r="A48" s="12" t="s">
        <v>395</v>
      </c>
      <c r="B48" s="52" t="s">
        <v>525</v>
      </c>
      <c r="C48" s="45"/>
      <c r="D48" s="12"/>
      <c r="E48" s="12"/>
      <c r="F48" s="15">
        <v>27568</v>
      </c>
      <c r="G48" s="14"/>
      <c r="I48" s="4"/>
      <c r="J48" s="4"/>
      <c r="K48" s="4"/>
      <c r="L48" s="4"/>
    </row>
    <row r="49" spans="1:12" ht="14.25" customHeight="1" x14ac:dyDescent="0.25">
      <c r="A49" s="12" t="s">
        <v>671</v>
      </c>
      <c r="B49" s="52" t="s">
        <v>68</v>
      </c>
      <c r="C49" s="45"/>
      <c r="D49" s="12"/>
      <c r="E49" s="12"/>
      <c r="F49" s="13">
        <v>27624</v>
      </c>
      <c r="G49" s="14"/>
      <c r="I49" s="4"/>
      <c r="J49" s="4"/>
      <c r="K49" s="4"/>
      <c r="L49" s="4"/>
    </row>
    <row r="50" spans="1:12" ht="14.25" customHeight="1" x14ac:dyDescent="0.25">
      <c r="A50" s="12" t="s">
        <v>96</v>
      </c>
      <c r="B50" s="52" t="s">
        <v>1130</v>
      </c>
      <c r="C50" s="45"/>
      <c r="D50" s="12"/>
      <c r="E50" s="12"/>
      <c r="F50" s="13">
        <v>27877</v>
      </c>
      <c r="G50" s="14"/>
      <c r="I50" s="4"/>
      <c r="J50" s="4"/>
      <c r="K50" s="4"/>
      <c r="L50" s="4"/>
    </row>
    <row r="51" spans="1:12" ht="14.25" customHeight="1" x14ac:dyDescent="0.25">
      <c r="A51" s="12" t="s">
        <v>292</v>
      </c>
      <c r="B51" s="52" t="s">
        <v>311</v>
      </c>
      <c r="C51" s="45"/>
      <c r="D51" s="12"/>
      <c r="E51" s="12"/>
      <c r="F51" s="15">
        <v>27984</v>
      </c>
      <c r="G51" s="14"/>
      <c r="I51" s="4"/>
      <c r="J51" s="4"/>
      <c r="K51" s="4"/>
      <c r="L51" s="4"/>
    </row>
    <row r="52" spans="1:12" ht="14.25" customHeight="1" x14ac:dyDescent="0.25">
      <c r="A52" s="12" t="s">
        <v>1241</v>
      </c>
      <c r="B52" s="52" t="s">
        <v>1784</v>
      </c>
      <c r="C52" s="45"/>
      <c r="D52" s="12"/>
      <c r="E52" s="12"/>
      <c r="F52" s="15">
        <v>28025</v>
      </c>
      <c r="G52" s="14"/>
      <c r="I52" s="4"/>
      <c r="J52" s="4"/>
      <c r="K52" s="4"/>
      <c r="L52" s="4"/>
    </row>
    <row r="53" spans="1:12" ht="14.25" customHeight="1" x14ac:dyDescent="0.25">
      <c r="A53" s="12" t="s">
        <v>1194</v>
      </c>
      <c r="B53" s="52" t="s">
        <v>1480</v>
      </c>
      <c r="C53" s="45"/>
      <c r="D53" s="12"/>
      <c r="E53" s="12"/>
      <c r="F53" s="13">
        <v>28096</v>
      </c>
      <c r="G53" s="14"/>
      <c r="I53" s="4"/>
      <c r="J53" s="4"/>
      <c r="K53" s="4"/>
      <c r="L53" s="4"/>
    </row>
    <row r="54" spans="1:12" ht="14.25" customHeight="1" x14ac:dyDescent="0.25">
      <c r="A54" s="12" t="s">
        <v>874</v>
      </c>
      <c r="B54" s="52" t="s">
        <v>573</v>
      </c>
      <c r="C54" s="45"/>
      <c r="D54" s="12"/>
      <c r="E54" s="12"/>
      <c r="F54" s="13">
        <v>28255</v>
      </c>
      <c r="G54" s="14"/>
      <c r="I54" s="4"/>
      <c r="J54" s="4"/>
      <c r="K54" s="4"/>
      <c r="L54" s="4"/>
    </row>
    <row r="55" spans="1:12" ht="14.25" customHeight="1" x14ac:dyDescent="0.25">
      <c r="A55" s="12" t="s">
        <v>8</v>
      </c>
      <c r="B55" s="52" t="s">
        <v>830</v>
      </c>
      <c r="C55" s="45"/>
      <c r="D55" s="12"/>
      <c r="E55" s="12"/>
      <c r="F55" s="13">
        <v>28388</v>
      </c>
      <c r="G55" s="14"/>
      <c r="I55" s="4"/>
      <c r="J55" s="4"/>
      <c r="K55" s="4"/>
      <c r="L55" s="4"/>
    </row>
    <row r="56" spans="1:12" ht="14.25" customHeight="1" x14ac:dyDescent="0.25">
      <c r="A56" s="12" t="s">
        <v>1097</v>
      </c>
      <c r="B56" s="52" t="s">
        <v>1680</v>
      </c>
      <c r="C56" s="45"/>
      <c r="D56" s="12"/>
      <c r="E56" s="12"/>
      <c r="F56" s="15">
        <v>28425</v>
      </c>
      <c r="G56" s="14"/>
      <c r="I56" s="4"/>
      <c r="J56" s="4"/>
      <c r="K56" s="4"/>
      <c r="L56" s="4"/>
    </row>
    <row r="57" spans="1:12" ht="14.25" customHeight="1" x14ac:dyDescent="0.25">
      <c r="A57" s="12" t="s">
        <v>913</v>
      </c>
      <c r="B57" s="52" t="s">
        <v>914</v>
      </c>
      <c r="C57" s="45"/>
      <c r="D57" s="12"/>
      <c r="E57" s="12"/>
      <c r="F57" s="16">
        <v>28608</v>
      </c>
      <c r="G57" s="14"/>
      <c r="I57" s="4"/>
      <c r="J57" s="4"/>
      <c r="K57" s="4"/>
      <c r="L57" s="4"/>
    </row>
    <row r="58" spans="1:12" ht="14.25" customHeight="1" x14ac:dyDescent="0.25">
      <c r="A58" s="12" t="s">
        <v>1145</v>
      </c>
      <c r="B58" s="52" t="s">
        <v>1146</v>
      </c>
      <c r="C58" s="45"/>
      <c r="D58" s="12"/>
      <c r="E58" s="12"/>
      <c r="F58" s="16">
        <v>28699</v>
      </c>
      <c r="G58" s="14"/>
      <c r="I58" s="4"/>
      <c r="J58" s="4"/>
      <c r="K58" s="4"/>
      <c r="L58" s="4"/>
    </row>
    <row r="59" spans="1:12" ht="14.25" customHeight="1" x14ac:dyDescent="0.25">
      <c r="A59" s="12" t="s">
        <v>1101</v>
      </c>
      <c r="B59" s="52" t="s">
        <v>1072</v>
      </c>
      <c r="C59" s="45"/>
      <c r="D59" s="12"/>
      <c r="E59" s="12"/>
      <c r="F59" s="13">
        <v>28772</v>
      </c>
      <c r="G59" s="14"/>
      <c r="I59" s="4"/>
      <c r="J59" s="4"/>
      <c r="K59" s="4"/>
      <c r="L59" s="4"/>
    </row>
    <row r="60" spans="1:12" ht="14.25" customHeight="1" x14ac:dyDescent="0.25">
      <c r="A60" s="12" t="s">
        <v>1102</v>
      </c>
      <c r="B60" s="52" t="s">
        <v>1104</v>
      </c>
      <c r="C60" s="45"/>
      <c r="D60" s="12"/>
      <c r="E60" s="12"/>
      <c r="F60" s="15">
        <v>28779</v>
      </c>
      <c r="G60" s="14"/>
      <c r="I60" s="4"/>
      <c r="J60" s="4"/>
      <c r="K60" s="4"/>
      <c r="L60" s="4"/>
    </row>
    <row r="61" spans="1:12" ht="14.25" customHeight="1" x14ac:dyDescent="0.25">
      <c r="A61" s="12" t="s">
        <v>1040</v>
      </c>
      <c r="B61" s="52" t="s">
        <v>162</v>
      </c>
      <c r="C61" s="45"/>
      <c r="D61" s="12"/>
      <c r="E61" s="12"/>
      <c r="F61" s="15">
        <v>28784</v>
      </c>
      <c r="G61" s="14"/>
      <c r="I61" s="4"/>
      <c r="J61" s="4"/>
      <c r="K61" s="4"/>
      <c r="L61" s="4"/>
    </row>
    <row r="62" spans="1:12" ht="14.25" customHeight="1" x14ac:dyDescent="0.25">
      <c r="A62" s="12" t="s">
        <v>893</v>
      </c>
      <c r="B62" s="52" t="s">
        <v>894</v>
      </c>
      <c r="C62" s="45"/>
      <c r="D62" s="12"/>
      <c r="E62" s="12"/>
      <c r="F62" s="13">
        <v>28927</v>
      </c>
      <c r="G62" s="14"/>
      <c r="I62" s="4"/>
      <c r="J62" s="4"/>
      <c r="K62" s="4"/>
      <c r="L62" s="4"/>
    </row>
    <row r="63" spans="1:12" ht="14.25" customHeight="1" x14ac:dyDescent="0.25">
      <c r="A63" s="12" t="s">
        <v>537</v>
      </c>
      <c r="B63" s="52" t="s">
        <v>94</v>
      </c>
      <c r="C63" s="45"/>
      <c r="D63" s="12"/>
      <c r="E63" s="12"/>
      <c r="F63" s="13">
        <v>28996</v>
      </c>
      <c r="G63" s="14"/>
      <c r="I63" s="4"/>
      <c r="J63" s="4"/>
      <c r="K63" s="4"/>
      <c r="L63" s="4"/>
    </row>
    <row r="64" spans="1:12" ht="14.25" customHeight="1" x14ac:dyDescent="0.25">
      <c r="A64" s="12" t="s">
        <v>527</v>
      </c>
      <c r="B64" s="52" t="s">
        <v>455</v>
      </c>
      <c r="C64" s="45"/>
      <c r="D64" s="12"/>
      <c r="E64" s="12"/>
      <c r="F64" s="13">
        <v>29001</v>
      </c>
      <c r="G64" s="14"/>
      <c r="I64" s="4"/>
      <c r="J64" s="4"/>
      <c r="K64" s="4"/>
      <c r="L64" s="4"/>
    </row>
    <row r="65" spans="1:12" ht="14.25" customHeight="1" x14ac:dyDescent="0.25">
      <c r="A65" s="12" t="s">
        <v>334</v>
      </c>
      <c r="B65" s="52" t="s">
        <v>1020</v>
      </c>
      <c r="C65" s="45"/>
      <c r="D65" s="12"/>
      <c r="E65" s="12"/>
      <c r="F65" s="16">
        <v>29004</v>
      </c>
      <c r="G65" s="14"/>
      <c r="I65" s="4"/>
      <c r="J65" s="4"/>
      <c r="K65" s="4"/>
      <c r="L65" s="4"/>
    </row>
    <row r="66" spans="1:12" ht="14.25" customHeight="1" x14ac:dyDescent="0.25">
      <c r="A66" s="12" t="s">
        <v>1268</v>
      </c>
      <c r="B66" s="52" t="s">
        <v>268</v>
      </c>
      <c r="C66" s="45"/>
      <c r="D66" s="12"/>
      <c r="E66" s="12"/>
      <c r="F66" s="13">
        <v>29109</v>
      </c>
      <c r="G66" s="14"/>
      <c r="I66" s="4"/>
      <c r="J66" s="4"/>
      <c r="K66" s="4"/>
      <c r="L66" s="4"/>
    </row>
    <row r="67" spans="1:12" ht="14.25" customHeight="1" x14ac:dyDescent="0.25">
      <c r="A67" s="12" t="s">
        <v>538</v>
      </c>
      <c r="B67" s="52" t="s">
        <v>1540</v>
      </c>
      <c r="C67" s="45"/>
      <c r="D67" s="12"/>
      <c r="E67" s="12"/>
      <c r="F67" s="16">
        <v>29112</v>
      </c>
      <c r="G67" s="14"/>
      <c r="I67" s="4"/>
      <c r="J67" s="4"/>
      <c r="K67" s="4"/>
      <c r="L67" s="4"/>
    </row>
    <row r="68" spans="1:12" ht="14.25" customHeight="1" x14ac:dyDescent="0.25">
      <c r="A68" s="12" t="s">
        <v>160</v>
      </c>
      <c r="B68" s="52" t="s">
        <v>1103</v>
      </c>
      <c r="C68" s="45"/>
      <c r="D68" s="12"/>
      <c r="E68" s="12"/>
      <c r="F68" s="13">
        <v>29174</v>
      </c>
      <c r="G68" s="14"/>
      <c r="I68" s="4"/>
      <c r="J68" s="4"/>
      <c r="K68" s="4"/>
      <c r="L68" s="4"/>
    </row>
    <row r="69" spans="1:12" ht="14.25" customHeight="1" x14ac:dyDescent="0.25">
      <c r="A69" s="12" t="s">
        <v>111</v>
      </c>
      <c r="B69" s="52" t="s">
        <v>515</v>
      </c>
      <c r="C69" s="45"/>
      <c r="D69" s="12" t="s">
        <v>2775</v>
      </c>
      <c r="E69" s="12" t="s">
        <v>337</v>
      </c>
      <c r="F69" s="13">
        <v>29210</v>
      </c>
      <c r="G69" s="14"/>
      <c r="I69" s="4"/>
      <c r="J69" s="4"/>
      <c r="K69" s="4"/>
      <c r="L69" s="4"/>
    </row>
    <row r="70" spans="1:12" ht="14.25" customHeight="1" x14ac:dyDescent="0.25">
      <c r="A70" s="12" t="s">
        <v>1118</v>
      </c>
      <c r="B70" s="52" t="s">
        <v>56</v>
      </c>
      <c r="C70" s="45"/>
      <c r="D70" s="12"/>
      <c r="E70" s="12"/>
      <c r="F70" s="13">
        <v>29402</v>
      </c>
      <c r="G70" s="14"/>
      <c r="I70" s="4"/>
      <c r="J70" s="4"/>
      <c r="K70" s="4"/>
      <c r="L70" s="4"/>
    </row>
    <row r="71" spans="1:12" ht="14.25" customHeight="1" x14ac:dyDescent="0.25">
      <c r="A71" s="12" t="s">
        <v>1170</v>
      </c>
      <c r="B71" s="52" t="s">
        <v>799</v>
      </c>
      <c r="C71" s="45"/>
      <c r="D71" s="12"/>
      <c r="E71" s="12"/>
      <c r="F71" s="16">
        <v>29427</v>
      </c>
      <c r="G71" s="14"/>
      <c r="I71" s="4"/>
      <c r="J71" s="4"/>
      <c r="K71" s="4"/>
      <c r="L71" s="4"/>
    </row>
    <row r="72" spans="1:12" ht="14.25" customHeight="1" x14ac:dyDescent="0.25">
      <c r="A72" s="12" t="s">
        <v>1362</v>
      </c>
      <c r="B72" s="52" t="s">
        <v>1363</v>
      </c>
      <c r="C72" s="45"/>
      <c r="D72" s="12"/>
      <c r="E72" s="12"/>
      <c r="F72" s="13">
        <v>29442</v>
      </c>
      <c r="G72" s="14"/>
      <c r="I72" s="4"/>
      <c r="J72" s="4"/>
      <c r="K72" s="4"/>
      <c r="L72" s="4"/>
    </row>
    <row r="73" spans="1:12" ht="14.25" customHeight="1" x14ac:dyDescent="0.25">
      <c r="A73" s="12" t="s">
        <v>1195</v>
      </c>
      <c r="B73" s="52" t="s">
        <v>3054</v>
      </c>
      <c r="C73" s="45"/>
      <c r="D73" s="12"/>
      <c r="E73" s="12"/>
      <c r="F73" s="15">
        <v>29455</v>
      </c>
      <c r="G73" s="14"/>
      <c r="I73" s="4"/>
      <c r="J73" s="4"/>
      <c r="K73" s="4"/>
      <c r="L73" s="4"/>
    </row>
    <row r="74" spans="1:12" ht="14.25" customHeight="1" x14ac:dyDescent="0.25">
      <c r="A74" s="12" t="s">
        <v>4</v>
      </c>
      <c r="B74" s="52" t="s">
        <v>711</v>
      </c>
      <c r="C74" s="45"/>
      <c r="D74" s="12"/>
      <c r="E74" s="12"/>
      <c r="F74" s="16">
        <v>29459</v>
      </c>
      <c r="G74" s="14"/>
      <c r="I74" s="4"/>
      <c r="J74" s="4"/>
      <c r="K74" s="4"/>
      <c r="L74" s="4"/>
    </row>
    <row r="75" spans="1:12" ht="14.25" customHeight="1" x14ac:dyDescent="0.25">
      <c r="A75" s="12" t="s">
        <v>742</v>
      </c>
      <c r="B75" s="52" t="s">
        <v>741</v>
      </c>
      <c r="C75" s="45"/>
      <c r="D75" s="12"/>
      <c r="E75" s="12"/>
      <c r="F75" s="13">
        <v>29481</v>
      </c>
      <c r="G75" s="14"/>
      <c r="I75" s="4"/>
      <c r="J75" s="4"/>
      <c r="K75" s="4"/>
      <c r="L75" s="4"/>
    </row>
    <row r="76" spans="1:12" ht="14.25" customHeight="1" x14ac:dyDescent="0.25">
      <c r="A76" s="12" t="s">
        <v>462</v>
      </c>
      <c r="B76" s="52" t="s">
        <v>468</v>
      </c>
      <c r="C76" s="45"/>
      <c r="D76" s="12"/>
      <c r="E76" s="12"/>
      <c r="F76" s="13">
        <v>29516</v>
      </c>
      <c r="G76" s="14"/>
      <c r="I76" s="4"/>
      <c r="J76" s="4"/>
      <c r="K76" s="4"/>
      <c r="L76" s="4"/>
    </row>
    <row r="77" spans="1:12" ht="14.25" customHeight="1" x14ac:dyDescent="0.25">
      <c r="A77" s="12" t="s">
        <v>1042</v>
      </c>
      <c r="B77" s="52" t="s">
        <v>449</v>
      </c>
      <c r="C77" s="45"/>
      <c r="D77" s="12"/>
      <c r="E77" s="12"/>
      <c r="F77" s="13">
        <v>41773</v>
      </c>
      <c r="G77" s="14">
        <v>595</v>
      </c>
      <c r="I77" s="4"/>
      <c r="J77" s="4"/>
      <c r="K77" s="4"/>
      <c r="L77" s="4"/>
    </row>
    <row r="78" spans="1:12" ht="14.25" customHeight="1" x14ac:dyDescent="0.25">
      <c r="A78" s="12" t="s">
        <v>918</v>
      </c>
      <c r="B78" s="52" t="s">
        <v>691</v>
      </c>
      <c r="C78" s="45"/>
      <c r="D78" s="12"/>
      <c r="E78" s="12"/>
      <c r="F78" s="13">
        <v>29640</v>
      </c>
      <c r="G78" s="14"/>
      <c r="I78" s="4"/>
      <c r="J78" s="4"/>
      <c r="K78" s="4"/>
      <c r="L78" s="4"/>
    </row>
    <row r="79" spans="1:12" ht="14.25" customHeight="1" x14ac:dyDescent="0.25">
      <c r="A79" s="12" t="s">
        <v>1110</v>
      </c>
      <c r="B79" s="52" t="s">
        <v>504</v>
      </c>
      <c r="C79" s="45"/>
      <c r="D79" s="12"/>
      <c r="E79" s="12"/>
      <c r="F79" s="13">
        <v>42208</v>
      </c>
      <c r="G79" s="14">
        <v>647</v>
      </c>
      <c r="I79" s="4"/>
      <c r="J79" s="4"/>
      <c r="K79" s="4"/>
      <c r="L79" s="4"/>
    </row>
    <row r="80" spans="1:12" ht="14.25" customHeight="1" x14ac:dyDescent="0.25">
      <c r="A80" s="12" t="s">
        <v>1457</v>
      </c>
      <c r="B80" s="52" t="s">
        <v>2982</v>
      </c>
      <c r="C80" s="45"/>
      <c r="D80" s="12"/>
      <c r="E80" s="12"/>
      <c r="F80" s="15">
        <v>29768</v>
      </c>
      <c r="G80" s="14"/>
      <c r="I80" s="4"/>
      <c r="J80" s="4"/>
      <c r="K80" s="4"/>
      <c r="L80" s="4"/>
    </row>
    <row r="81" spans="1:12" ht="14.25" customHeight="1" x14ac:dyDescent="0.25">
      <c r="A81" s="12" t="s">
        <v>1284</v>
      </c>
      <c r="B81" s="52" t="s">
        <v>1288</v>
      </c>
      <c r="C81" s="45"/>
      <c r="D81" s="12"/>
      <c r="E81" s="12"/>
      <c r="F81" s="16">
        <v>29811</v>
      </c>
      <c r="G81" s="14"/>
      <c r="I81" s="4"/>
      <c r="J81" s="4"/>
      <c r="K81" s="4"/>
      <c r="L81" s="4"/>
    </row>
    <row r="82" spans="1:12" ht="14.25" customHeight="1" x14ac:dyDescent="0.25">
      <c r="A82" s="12" t="s">
        <v>636</v>
      </c>
      <c r="B82" s="52" t="s">
        <v>317</v>
      </c>
      <c r="C82" s="45"/>
      <c r="D82" s="12"/>
      <c r="E82" s="12"/>
      <c r="F82" s="15">
        <v>29865</v>
      </c>
      <c r="G82" s="14"/>
      <c r="I82" s="4"/>
      <c r="J82" s="4"/>
      <c r="K82" s="4"/>
      <c r="L82" s="4"/>
    </row>
    <row r="83" spans="1:12" ht="14.25" customHeight="1" x14ac:dyDescent="0.25">
      <c r="A83" s="12" t="s">
        <v>1324</v>
      </c>
      <c r="B83" s="52" t="s">
        <v>1710</v>
      </c>
      <c r="C83" s="45"/>
      <c r="D83" s="12"/>
      <c r="E83" s="12"/>
      <c r="F83" s="15">
        <v>29880</v>
      </c>
      <c r="G83" s="14"/>
      <c r="I83" s="4"/>
      <c r="J83" s="4"/>
      <c r="K83" s="4"/>
      <c r="L83" s="4"/>
    </row>
    <row r="84" spans="1:12" ht="14.25" customHeight="1" x14ac:dyDescent="0.25">
      <c r="A84" s="12" t="s">
        <v>1143</v>
      </c>
      <c r="B84" s="52" t="s">
        <v>5</v>
      </c>
      <c r="C84" s="45"/>
      <c r="D84" s="12"/>
      <c r="E84" s="12"/>
      <c r="F84" s="13">
        <v>29890</v>
      </c>
      <c r="G84" s="14"/>
      <c r="I84" s="4"/>
      <c r="J84" s="4"/>
      <c r="K84" s="4"/>
      <c r="L84" s="4"/>
    </row>
    <row r="85" spans="1:12" ht="14.25" customHeight="1" x14ac:dyDescent="0.25">
      <c r="A85" s="12" t="s">
        <v>1151</v>
      </c>
      <c r="B85" s="52" t="s">
        <v>54</v>
      </c>
      <c r="C85" s="45"/>
      <c r="D85" s="12"/>
      <c r="E85" s="12"/>
      <c r="F85" s="13">
        <v>30044</v>
      </c>
      <c r="G85" s="14"/>
      <c r="I85" s="4"/>
      <c r="J85" s="4"/>
      <c r="K85" s="4"/>
      <c r="L85" s="4"/>
    </row>
    <row r="86" spans="1:12" ht="14.25" customHeight="1" x14ac:dyDescent="0.25">
      <c r="A86" s="12" t="s">
        <v>902</v>
      </c>
      <c r="B86" s="52" t="s">
        <v>543</v>
      </c>
      <c r="C86" s="45"/>
      <c r="D86" s="12"/>
      <c r="E86" s="12"/>
      <c r="F86" s="15">
        <v>30119</v>
      </c>
      <c r="G86" s="14"/>
      <c r="I86" s="4"/>
      <c r="J86" s="4"/>
      <c r="K86" s="4"/>
      <c r="L86" s="4"/>
    </row>
    <row r="87" spans="1:12" ht="14.25" customHeight="1" x14ac:dyDescent="0.25">
      <c r="A87" s="12" t="s">
        <v>863</v>
      </c>
      <c r="B87" s="52" t="s">
        <v>864</v>
      </c>
      <c r="C87" s="45"/>
      <c r="D87" s="12"/>
      <c r="E87" s="12"/>
      <c r="F87" s="15">
        <v>29865</v>
      </c>
      <c r="G87" s="14"/>
      <c r="I87" s="4"/>
      <c r="J87" s="4"/>
      <c r="K87" s="4"/>
      <c r="L87" s="4"/>
    </row>
    <row r="88" spans="1:12" ht="14.25" customHeight="1" x14ac:dyDescent="0.25">
      <c r="A88" s="12" t="s">
        <v>112</v>
      </c>
      <c r="B88" s="52" t="s">
        <v>128</v>
      </c>
      <c r="C88" s="45"/>
      <c r="D88" s="12"/>
      <c r="E88" s="12"/>
      <c r="F88" s="13">
        <v>30153</v>
      </c>
      <c r="G88" s="14"/>
      <c r="I88" s="4"/>
      <c r="J88" s="4"/>
      <c r="K88" s="4"/>
      <c r="L88" s="4"/>
    </row>
    <row r="89" spans="1:12" ht="14.25" customHeight="1" x14ac:dyDescent="0.25">
      <c r="A89" s="12" t="s">
        <v>875</v>
      </c>
      <c r="B89" s="52" t="s">
        <v>782</v>
      </c>
      <c r="C89" s="45"/>
      <c r="D89" s="12" t="s">
        <v>1338</v>
      </c>
      <c r="E89" s="12" t="s">
        <v>484</v>
      </c>
      <c r="F89" s="13">
        <v>30229</v>
      </c>
      <c r="G89" s="14"/>
      <c r="I89" s="4"/>
      <c r="J89" s="4"/>
      <c r="K89" s="4"/>
      <c r="L89" s="4"/>
    </row>
    <row r="90" spans="1:12" ht="14.25" customHeight="1" x14ac:dyDescent="0.25">
      <c r="A90" s="12" t="s">
        <v>383</v>
      </c>
      <c r="B90" s="52" t="s">
        <v>1494</v>
      </c>
      <c r="C90" s="45"/>
      <c r="D90" s="12" t="s">
        <v>2776</v>
      </c>
      <c r="E90" s="12" t="s">
        <v>1495</v>
      </c>
      <c r="F90" s="13">
        <v>30280</v>
      </c>
      <c r="G90" s="14"/>
      <c r="I90" s="4"/>
      <c r="J90" s="4"/>
      <c r="K90" s="4"/>
      <c r="L90" s="4"/>
    </row>
    <row r="91" spans="1:12" ht="14.25" customHeight="1" x14ac:dyDescent="0.25">
      <c r="A91" s="12" t="s">
        <v>1768</v>
      </c>
      <c r="B91" s="52" t="s">
        <v>1162</v>
      </c>
      <c r="C91" s="45"/>
      <c r="D91" s="12"/>
      <c r="E91" s="12"/>
      <c r="F91" s="15">
        <v>30392</v>
      </c>
      <c r="G91" s="14">
        <v>151</v>
      </c>
      <c r="I91" s="4"/>
      <c r="J91" s="4"/>
      <c r="K91" s="4"/>
      <c r="L91" s="4"/>
    </row>
    <row r="92" spans="1:12" ht="14.25" customHeight="1" x14ac:dyDescent="0.25">
      <c r="A92" s="12" t="s">
        <v>1008</v>
      </c>
      <c r="B92" s="52" t="s">
        <v>1010</v>
      </c>
      <c r="C92" s="45"/>
      <c r="D92" s="12"/>
      <c r="E92" s="12"/>
      <c r="F92" s="13">
        <v>30468</v>
      </c>
      <c r="G92" s="14"/>
      <c r="I92" s="4"/>
      <c r="J92" s="4"/>
      <c r="K92" s="4"/>
      <c r="L92" s="4"/>
    </row>
    <row r="93" spans="1:12" ht="14.25" customHeight="1" x14ac:dyDescent="0.25">
      <c r="A93" s="12" t="s">
        <v>887</v>
      </c>
      <c r="B93" s="52" t="s">
        <v>2631</v>
      </c>
      <c r="C93" s="45"/>
      <c r="D93" s="12"/>
      <c r="E93" s="12"/>
      <c r="F93" s="15">
        <v>30538</v>
      </c>
      <c r="G93" s="14"/>
      <c r="I93" s="4"/>
      <c r="J93" s="4"/>
      <c r="K93" s="4"/>
      <c r="L93" s="4"/>
    </row>
    <row r="94" spans="1:12" ht="14.25" customHeight="1" x14ac:dyDescent="0.25">
      <c r="A94" s="12" t="s">
        <v>1167</v>
      </c>
      <c r="B94" s="52" t="s">
        <v>1168</v>
      </c>
      <c r="C94" s="45"/>
      <c r="D94" s="12" t="s">
        <v>2777</v>
      </c>
      <c r="E94" s="12" t="s">
        <v>1154</v>
      </c>
      <c r="F94" s="15">
        <v>30560</v>
      </c>
      <c r="G94" s="14"/>
      <c r="I94" s="4"/>
      <c r="J94" s="4"/>
      <c r="K94" s="4"/>
      <c r="L94" s="4"/>
    </row>
    <row r="95" spans="1:12" ht="14.25" customHeight="1" x14ac:dyDescent="0.25">
      <c r="A95" s="12" t="s">
        <v>773</v>
      </c>
      <c r="B95" s="52" t="s">
        <v>1164</v>
      </c>
      <c r="C95" s="45"/>
      <c r="D95" s="12" t="s">
        <v>302</v>
      </c>
      <c r="E95" s="12" t="s">
        <v>2934</v>
      </c>
      <c r="F95" s="13">
        <v>30571</v>
      </c>
      <c r="G95" s="14"/>
      <c r="I95" s="4"/>
      <c r="J95" s="4"/>
      <c r="K95" s="4"/>
      <c r="L95" s="4"/>
    </row>
    <row r="96" spans="1:12" ht="14.25" customHeight="1" x14ac:dyDescent="0.25">
      <c r="A96" s="12" t="s">
        <v>1708</v>
      </c>
      <c r="B96" s="52" t="s">
        <v>1317</v>
      </c>
      <c r="C96" s="45"/>
      <c r="D96" s="12"/>
      <c r="E96" s="12"/>
      <c r="F96" s="15">
        <v>30581</v>
      </c>
      <c r="G96" s="14"/>
      <c r="I96" s="4"/>
      <c r="J96" s="4"/>
      <c r="K96" s="4"/>
      <c r="L96" s="4"/>
    </row>
    <row r="97" spans="1:12" ht="14.25" customHeight="1" x14ac:dyDescent="0.25">
      <c r="A97" s="12" t="s">
        <v>1067</v>
      </c>
      <c r="B97" s="52" t="s">
        <v>1068</v>
      </c>
      <c r="C97" s="45"/>
      <c r="D97" s="12"/>
      <c r="E97" s="12"/>
      <c r="F97" s="13">
        <v>30603</v>
      </c>
      <c r="G97" s="14"/>
      <c r="I97" s="4"/>
      <c r="J97" s="4"/>
      <c r="K97" s="4"/>
      <c r="L97" s="4"/>
    </row>
    <row r="98" spans="1:12" ht="14.25" customHeight="1" x14ac:dyDescent="0.25">
      <c r="A98" s="12" t="s">
        <v>2868</v>
      </c>
      <c r="B98" s="52" t="s">
        <v>1559</v>
      </c>
      <c r="C98" s="45"/>
      <c r="D98" s="12"/>
      <c r="E98" s="12"/>
      <c r="F98" s="16">
        <v>30614</v>
      </c>
      <c r="G98" s="14"/>
      <c r="I98" s="4"/>
      <c r="J98" s="4"/>
      <c r="K98" s="4"/>
      <c r="L98" s="4"/>
    </row>
    <row r="99" spans="1:12" ht="14.25" customHeight="1" x14ac:dyDescent="0.25">
      <c r="A99" s="12" t="s">
        <v>1059</v>
      </c>
      <c r="B99" s="52" t="s">
        <v>857</v>
      </c>
      <c r="C99" s="45"/>
      <c r="D99" s="12"/>
      <c r="E99" s="12"/>
      <c r="F99" s="13">
        <v>30624</v>
      </c>
      <c r="G99" s="14"/>
      <c r="I99" s="4"/>
      <c r="J99" s="4"/>
      <c r="K99" s="4"/>
      <c r="L99" s="4"/>
    </row>
    <row r="100" spans="1:12" ht="14.25" customHeight="1" x14ac:dyDescent="0.25">
      <c r="A100" s="12" t="s">
        <v>851</v>
      </c>
      <c r="B100" s="52" t="s">
        <v>1767</v>
      </c>
      <c r="C100" s="45"/>
      <c r="D100" s="12"/>
      <c r="E100" s="12"/>
      <c r="F100" s="15">
        <v>30671</v>
      </c>
      <c r="G100" s="14"/>
      <c r="I100" s="4"/>
      <c r="J100" s="4"/>
      <c r="K100" s="4"/>
      <c r="L100" s="4"/>
    </row>
    <row r="101" spans="1:12" ht="14.25" customHeight="1" x14ac:dyDescent="0.25">
      <c r="A101" s="12" t="s">
        <v>1135</v>
      </c>
      <c r="B101" s="52" t="s">
        <v>64</v>
      </c>
      <c r="C101" s="45"/>
      <c r="D101" s="12"/>
      <c r="E101" s="12"/>
      <c r="F101" s="13">
        <v>30722</v>
      </c>
      <c r="G101" s="14"/>
      <c r="I101" s="4"/>
      <c r="J101" s="4"/>
      <c r="K101" s="4"/>
      <c r="L101" s="4"/>
    </row>
    <row r="102" spans="1:12" ht="14.25" customHeight="1" x14ac:dyDescent="0.25">
      <c r="A102" s="12" t="s">
        <v>1052</v>
      </c>
      <c r="B102" s="52" t="s">
        <v>672</v>
      </c>
      <c r="C102" s="45"/>
      <c r="D102" s="12"/>
      <c r="E102" s="12"/>
      <c r="F102" s="13">
        <v>30737</v>
      </c>
      <c r="G102" s="14"/>
      <c r="I102" s="4"/>
      <c r="J102" s="4"/>
      <c r="K102" s="4"/>
      <c r="L102" s="4"/>
    </row>
    <row r="103" spans="1:12" ht="14.25" customHeight="1" x14ac:dyDescent="0.25">
      <c r="A103" s="12" t="s">
        <v>1277</v>
      </c>
      <c r="B103" s="52" t="s">
        <v>1033</v>
      </c>
      <c r="C103" s="45"/>
      <c r="D103" s="12"/>
      <c r="E103" s="12"/>
      <c r="F103" s="13">
        <v>30856</v>
      </c>
      <c r="G103" s="14"/>
      <c r="I103" s="4"/>
      <c r="J103" s="4"/>
      <c r="K103" s="4"/>
      <c r="L103" s="4"/>
    </row>
    <row r="104" spans="1:12" ht="14.25" customHeight="1" x14ac:dyDescent="0.25">
      <c r="A104" s="12" t="s">
        <v>70</v>
      </c>
      <c r="B104" s="52" t="s">
        <v>1542</v>
      </c>
      <c r="C104" s="45"/>
      <c r="D104" s="12"/>
      <c r="E104" s="12"/>
      <c r="F104" s="13">
        <v>30898</v>
      </c>
      <c r="G104" s="14"/>
      <c r="I104" s="4"/>
      <c r="J104" s="4"/>
      <c r="K104" s="4"/>
      <c r="L104" s="4"/>
    </row>
    <row r="105" spans="1:12" ht="14.25" customHeight="1" x14ac:dyDescent="0.25">
      <c r="A105" s="12" t="s">
        <v>1212</v>
      </c>
      <c r="B105" s="52" t="s">
        <v>1079</v>
      </c>
      <c r="C105" s="45"/>
      <c r="D105" s="12" t="s">
        <v>1787</v>
      </c>
      <c r="E105" s="12" t="s">
        <v>1079</v>
      </c>
      <c r="F105" s="13">
        <v>30922</v>
      </c>
      <c r="G105" s="14"/>
      <c r="I105" s="4"/>
      <c r="J105" s="4"/>
      <c r="K105" s="4"/>
      <c r="L105" s="4"/>
    </row>
    <row r="106" spans="1:12" ht="14.25" customHeight="1" x14ac:dyDescent="0.25">
      <c r="A106" s="12" t="s">
        <v>1482</v>
      </c>
      <c r="B106" s="52" t="s">
        <v>1086</v>
      </c>
      <c r="C106" s="45"/>
      <c r="D106" s="12"/>
      <c r="E106" s="12"/>
      <c r="F106" s="16">
        <v>30957</v>
      </c>
      <c r="G106" s="14"/>
      <c r="I106" s="4"/>
      <c r="J106" s="4"/>
      <c r="K106" s="4"/>
      <c r="L106" s="4"/>
    </row>
    <row r="107" spans="1:12" ht="14.25" customHeight="1" x14ac:dyDescent="0.25">
      <c r="A107" s="12" t="s">
        <v>1452</v>
      </c>
      <c r="B107" s="52" t="s">
        <v>1453</v>
      </c>
      <c r="C107" s="45"/>
      <c r="D107" s="12"/>
      <c r="E107" s="12"/>
      <c r="F107" s="13">
        <v>30966</v>
      </c>
      <c r="G107" s="14"/>
      <c r="I107" s="4"/>
      <c r="J107" s="4"/>
      <c r="K107" s="4"/>
      <c r="L107" s="4"/>
    </row>
    <row r="108" spans="1:12" ht="14.25" customHeight="1" x14ac:dyDescent="0.25">
      <c r="A108" s="12" t="s">
        <v>1064</v>
      </c>
      <c r="B108" s="52" t="s">
        <v>1065</v>
      </c>
      <c r="C108" s="45"/>
      <c r="D108" s="12"/>
      <c r="E108" s="12"/>
      <c r="F108" s="16">
        <v>31133</v>
      </c>
      <c r="G108" s="14"/>
      <c r="I108" s="4"/>
      <c r="J108" s="4"/>
      <c r="K108" s="4"/>
      <c r="L108" s="4"/>
    </row>
    <row r="109" spans="1:12" ht="14.25" customHeight="1" x14ac:dyDescent="0.25">
      <c r="A109" s="12" t="s">
        <v>940</v>
      </c>
      <c r="B109" s="52" t="s">
        <v>941</v>
      </c>
      <c r="C109" s="45"/>
      <c r="D109" s="12"/>
      <c r="E109" s="12"/>
      <c r="F109" s="13">
        <v>31160</v>
      </c>
      <c r="G109" s="14"/>
      <c r="I109" s="4"/>
      <c r="J109" s="4"/>
      <c r="K109" s="4"/>
      <c r="L109" s="4"/>
    </row>
    <row r="110" spans="1:12" ht="14.25" customHeight="1" x14ac:dyDescent="0.25">
      <c r="A110" s="12" t="s">
        <v>815</v>
      </c>
      <c r="B110" s="52" t="s">
        <v>598</v>
      </c>
      <c r="C110" s="45" t="s">
        <v>2324</v>
      </c>
      <c r="D110" s="12" t="s">
        <v>2306</v>
      </c>
      <c r="E110" s="12" t="s">
        <v>810</v>
      </c>
      <c r="F110" s="13">
        <v>31163</v>
      </c>
      <c r="G110" s="14"/>
      <c r="I110" s="4"/>
      <c r="J110" s="4"/>
      <c r="K110" s="4"/>
      <c r="L110" s="4"/>
    </row>
    <row r="111" spans="1:12" ht="14.25" customHeight="1" x14ac:dyDescent="0.25">
      <c r="A111" s="12" t="s">
        <v>1470</v>
      </c>
      <c r="B111" s="52" t="s">
        <v>470</v>
      </c>
      <c r="C111" s="45"/>
      <c r="D111" s="12"/>
      <c r="E111" s="12"/>
      <c r="F111" s="13">
        <v>31168</v>
      </c>
      <c r="G111" s="14"/>
      <c r="I111" s="4"/>
      <c r="J111" s="4"/>
      <c r="K111" s="4"/>
      <c r="L111" s="4"/>
    </row>
    <row r="112" spans="1:12" ht="14.25" customHeight="1" x14ac:dyDescent="0.25">
      <c r="A112" s="12" t="s">
        <v>1123</v>
      </c>
      <c r="B112" s="52" t="s">
        <v>436</v>
      </c>
      <c r="C112" s="45"/>
      <c r="D112" s="12"/>
      <c r="E112" s="12"/>
      <c r="F112" s="16">
        <v>31094</v>
      </c>
      <c r="G112" s="14"/>
      <c r="I112" s="4"/>
      <c r="J112" s="4"/>
      <c r="K112" s="4"/>
      <c r="L112" s="4"/>
    </row>
    <row r="113" spans="1:12" ht="14.25" customHeight="1" x14ac:dyDescent="0.25">
      <c r="A113" s="12" t="s">
        <v>1002</v>
      </c>
      <c r="B113" s="52" t="s">
        <v>320</v>
      </c>
      <c r="C113" s="45"/>
      <c r="D113" s="12"/>
      <c r="E113" s="12"/>
      <c r="F113" s="13">
        <v>31243</v>
      </c>
      <c r="G113" s="14"/>
      <c r="I113" s="4"/>
      <c r="J113" s="4"/>
      <c r="K113" s="4"/>
      <c r="L113" s="4"/>
    </row>
    <row r="114" spans="1:12" ht="14.25" customHeight="1" x14ac:dyDescent="0.25">
      <c r="A114" s="12" t="s">
        <v>1414</v>
      </c>
      <c r="B114" s="52" t="s">
        <v>1115</v>
      </c>
      <c r="C114" s="45"/>
      <c r="D114" s="12"/>
      <c r="E114" s="12"/>
      <c r="F114" s="16">
        <v>31258</v>
      </c>
      <c r="G114" s="14"/>
      <c r="I114" s="4"/>
      <c r="J114" s="4"/>
      <c r="K114" s="4"/>
      <c r="L114" s="4"/>
    </row>
    <row r="115" spans="1:12" ht="14.25" customHeight="1" x14ac:dyDescent="0.25">
      <c r="A115" s="12" t="s">
        <v>1672</v>
      </c>
      <c r="B115" s="52" t="s">
        <v>1673</v>
      </c>
      <c r="C115" s="45"/>
      <c r="D115" s="12"/>
      <c r="E115" s="12"/>
      <c r="F115" s="15">
        <v>31318</v>
      </c>
      <c r="G115" s="14"/>
      <c r="I115" s="4"/>
      <c r="J115" s="4"/>
      <c r="K115" s="4"/>
      <c r="L115" s="4"/>
    </row>
    <row r="116" spans="1:12" ht="14.25" customHeight="1" x14ac:dyDescent="0.25">
      <c r="A116" s="12" t="s">
        <v>1707</v>
      </c>
      <c r="B116" s="52" t="s">
        <v>1644</v>
      </c>
      <c r="C116" s="45"/>
      <c r="D116" s="12"/>
      <c r="E116" s="12"/>
      <c r="F116" s="15">
        <v>31425</v>
      </c>
      <c r="G116" s="14"/>
      <c r="I116" s="4"/>
      <c r="J116" s="4"/>
      <c r="K116" s="4"/>
      <c r="L116" s="4"/>
    </row>
    <row r="117" spans="1:12" ht="14.25" customHeight="1" x14ac:dyDescent="0.25">
      <c r="A117" s="12" t="s">
        <v>379</v>
      </c>
      <c r="B117" s="52" t="s">
        <v>1218</v>
      </c>
      <c r="C117" s="45"/>
      <c r="D117" s="12"/>
      <c r="E117" s="12"/>
      <c r="F117" s="13">
        <v>31477</v>
      </c>
      <c r="G117" s="14"/>
      <c r="I117" s="4"/>
      <c r="J117" s="4"/>
      <c r="K117" s="4"/>
      <c r="L117" s="4"/>
    </row>
    <row r="118" spans="1:12" ht="14.25" customHeight="1" x14ac:dyDescent="0.25">
      <c r="A118" s="12" t="s">
        <v>1496</v>
      </c>
      <c r="B118" s="52" t="s">
        <v>1498</v>
      </c>
      <c r="C118" s="45"/>
      <c r="D118" s="12"/>
      <c r="E118" s="12"/>
      <c r="F118" s="13">
        <v>31503</v>
      </c>
      <c r="G118" s="14"/>
      <c r="I118" s="4"/>
      <c r="J118" s="4"/>
      <c r="K118" s="4"/>
      <c r="L118" s="4"/>
    </row>
    <row r="119" spans="1:12" ht="14.25" customHeight="1" x14ac:dyDescent="0.25">
      <c r="A119" s="12" t="s">
        <v>661</v>
      </c>
      <c r="B119" s="52" t="s">
        <v>1147</v>
      </c>
      <c r="C119" s="45"/>
      <c r="D119" s="12"/>
      <c r="E119" s="12"/>
      <c r="F119" s="13">
        <v>31547</v>
      </c>
      <c r="G119" s="14"/>
      <c r="I119" s="4"/>
      <c r="J119" s="4"/>
      <c r="K119" s="4"/>
      <c r="L119" s="4"/>
    </row>
    <row r="120" spans="1:12" ht="14.25" customHeight="1" x14ac:dyDescent="0.25">
      <c r="A120" s="12" t="s">
        <v>816</v>
      </c>
      <c r="B120" s="52" t="s">
        <v>1266</v>
      </c>
      <c r="C120" s="45"/>
      <c r="D120" s="12"/>
      <c r="E120" s="12"/>
      <c r="F120" s="16">
        <v>31554</v>
      </c>
      <c r="G120" s="14"/>
      <c r="I120" s="4"/>
      <c r="J120" s="4"/>
      <c r="K120" s="4"/>
      <c r="L120" s="4"/>
    </row>
    <row r="121" spans="1:12" ht="14.25" customHeight="1" x14ac:dyDescent="0.25">
      <c r="A121" s="12" t="s">
        <v>916</v>
      </c>
      <c r="B121" s="52" t="s">
        <v>3076</v>
      </c>
      <c r="C121" s="45"/>
      <c r="D121" s="12"/>
      <c r="E121" s="12"/>
      <c r="F121" s="13">
        <v>31555</v>
      </c>
      <c r="G121" s="14"/>
      <c r="I121" s="4"/>
      <c r="J121" s="4"/>
      <c r="K121" s="4"/>
      <c r="L121" s="4"/>
    </row>
    <row r="122" spans="1:12" ht="14.25" customHeight="1" x14ac:dyDescent="0.25">
      <c r="A122" s="12" t="s">
        <v>1765</v>
      </c>
      <c r="B122" s="52" t="s">
        <v>1472</v>
      </c>
      <c r="C122" s="45"/>
      <c r="D122" s="12"/>
      <c r="E122" s="12"/>
      <c r="F122" s="15">
        <v>31583</v>
      </c>
      <c r="G122" s="14"/>
      <c r="I122" s="4"/>
      <c r="J122" s="4"/>
      <c r="K122" s="4"/>
      <c r="L122" s="4"/>
    </row>
    <row r="123" spans="1:12" ht="14.25" customHeight="1" x14ac:dyDescent="0.25">
      <c r="A123" s="12" t="s">
        <v>1207</v>
      </c>
      <c r="B123" s="52" t="s">
        <v>633</v>
      </c>
      <c r="C123" s="45"/>
      <c r="D123" s="12"/>
      <c r="E123" s="12"/>
      <c r="F123" s="13">
        <v>31611</v>
      </c>
      <c r="G123" s="14"/>
      <c r="I123" s="4"/>
      <c r="J123" s="4"/>
      <c r="K123" s="4"/>
      <c r="L123" s="4"/>
    </row>
    <row r="124" spans="1:12" ht="14.25" customHeight="1" x14ac:dyDescent="0.25">
      <c r="A124" s="12" t="s">
        <v>55</v>
      </c>
      <c r="B124" s="52" t="s">
        <v>1764</v>
      </c>
      <c r="C124" s="45"/>
      <c r="D124" s="12"/>
      <c r="E124" s="12"/>
      <c r="F124" s="15">
        <v>31617</v>
      </c>
      <c r="G124" s="14">
        <v>554</v>
      </c>
      <c r="I124" s="4"/>
      <c r="J124" s="4"/>
      <c r="K124" s="4"/>
      <c r="L124" s="4"/>
    </row>
    <row r="125" spans="1:12" ht="14.25" customHeight="1" x14ac:dyDescent="0.25">
      <c r="A125" s="12" t="s">
        <v>767</v>
      </c>
      <c r="B125" s="52" t="s">
        <v>6</v>
      </c>
      <c r="C125" s="45"/>
      <c r="D125" s="12" t="s">
        <v>2794</v>
      </c>
      <c r="E125" s="12" t="s">
        <v>136</v>
      </c>
      <c r="F125" s="15">
        <v>31657</v>
      </c>
      <c r="G125" s="14"/>
      <c r="I125" s="4"/>
      <c r="J125" s="4"/>
      <c r="K125" s="4"/>
      <c r="L125" s="4"/>
    </row>
    <row r="126" spans="1:12" ht="14.25" customHeight="1" x14ac:dyDescent="0.25">
      <c r="A126" s="12" t="s">
        <v>1243</v>
      </c>
      <c r="B126" s="52" t="s">
        <v>1108</v>
      </c>
      <c r="C126" s="45"/>
      <c r="D126" s="12"/>
      <c r="E126" s="12"/>
      <c r="F126" s="15">
        <v>31665</v>
      </c>
      <c r="G126" s="14"/>
      <c r="I126" s="4"/>
      <c r="J126" s="4"/>
      <c r="K126" s="4"/>
      <c r="L126" s="4"/>
    </row>
    <row r="127" spans="1:12" ht="14.25" customHeight="1" x14ac:dyDescent="0.25">
      <c r="A127" s="12" t="s">
        <v>1295</v>
      </c>
      <c r="B127" s="52" t="s">
        <v>1292</v>
      </c>
      <c r="C127" s="45"/>
      <c r="D127" s="12"/>
      <c r="E127" s="12"/>
      <c r="F127" s="16">
        <v>31686</v>
      </c>
      <c r="G127" s="14"/>
      <c r="I127" s="4"/>
      <c r="J127" s="4"/>
      <c r="K127" s="4"/>
      <c r="L127" s="4"/>
    </row>
    <row r="128" spans="1:12" ht="14.25" customHeight="1" x14ac:dyDescent="0.25">
      <c r="A128" s="12" t="s">
        <v>362</v>
      </c>
      <c r="B128" s="52" t="s">
        <v>1534</v>
      </c>
      <c r="C128" s="45"/>
      <c r="D128" s="12"/>
      <c r="E128" s="12"/>
      <c r="F128" s="16">
        <v>31716</v>
      </c>
      <c r="G128" s="14"/>
      <c r="I128" s="4"/>
      <c r="J128" s="4"/>
      <c r="K128" s="4"/>
      <c r="L128" s="4"/>
    </row>
    <row r="129" spans="1:12" ht="14.25" customHeight="1" x14ac:dyDescent="0.25">
      <c r="A129" s="12" t="s">
        <v>1428</v>
      </c>
      <c r="B129" s="52" t="s">
        <v>1048</v>
      </c>
      <c r="C129" s="45"/>
      <c r="D129" s="12"/>
      <c r="E129" s="12"/>
      <c r="F129" s="16">
        <v>31724</v>
      </c>
      <c r="G129" s="14"/>
      <c r="I129" s="4"/>
      <c r="J129" s="4"/>
      <c r="K129" s="4"/>
      <c r="L129" s="4"/>
    </row>
    <row r="130" spans="1:12" ht="14.25" customHeight="1" x14ac:dyDescent="0.25">
      <c r="A130" s="12" t="s">
        <v>494</v>
      </c>
      <c r="B130" s="52" t="s">
        <v>1182</v>
      </c>
      <c r="C130" s="45"/>
      <c r="D130" s="12"/>
      <c r="E130" s="12"/>
      <c r="F130" s="16">
        <v>31748</v>
      </c>
      <c r="G130" s="14"/>
      <c r="I130" s="4"/>
      <c r="J130" s="4"/>
      <c r="K130" s="4"/>
      <c r="L130" s="4"/>
    </row>
    <row r="131" spans="1:12" ht="14.25" customHeight="1" x14ac:dyDescent="0.25">
      <c r="A131" s="12" t="s">
        <v>253</v>
      </c>
      <c r="B131" s="52" t="s">
        <v>712</v>
      </c>
      <c r="C131" s="45"/>
      <c r="D131" s="12"/>
      <c r="E131" s="12"/>
      <c r="F131" s="16">
        <v>31762</v>
      </c>
      <c r="G131" s="14"/>
      <c r="I131" s="4"/>
      <c r="J131" s="4"/>
      <c r="K131" s="4"/>
      <c r="L131" s="4"/>
    </row>
    <row r="132" spans="1:12" ht="14.25" customHeight="1" x14ac:dyDescent="0.25">
      <c r="A132" s="12" t="s">
        <v>985</v>
      </c>
      <c r="B132" s="52" t="s">
        <v>2</v>
      </c>
      <c r="C132" s="45"/>
      <c r="D132" s="12"/>
      <c r="E132" s="12"/>
      <c r="F132" s="16">
        <v>31872</v>
      </c>
      <c r="G132" s="14"/>
      <c r="I132" s="4"/>
      <c r="J132" s="4"/>
      <c r="K132" s="4"/>
      <c r="L132" s="4"/>
    </row>
    <row r="133" spans="1:12" ht="14.25" customHeight="1" x14ac:dyDescent="0.25">
      <c r="A133" s="12" t="s">
        <v>869</v>
      </c>
      <c r="B133" s="52" t="s">
        <v>355</v>
      </c>
      <c r="C133" s="45"/>
      <c r="D133" s="12"/>
      <c r="E133" s="12"/>
      <c r="F133" s="13">
        <v>31885</v>
      </c>
      <c r="G133" s="14"/>
      <c r="I133" s="4"/>
      <c r="J133" s="4"/>
      <c r="K133" s="4"/>
      <c r="L133" s="4"/>
    </row>
    <row r="134" spans="1:12" ht="14.25" customHeight="1" x14ac:dyDescent="0.25">
      <c r="A134" s="12" t="s">
        <v>823</v>
      </c>
      <c r="B134" s="52" t="s">
        <v>801</v>
      </c>
      <c r="C134" s="45"/>
      <c r="D134" s="12"/>
      <c r="E134" s="12"/>
      <c r="F134" s="13">
        <v>31891</v>
      </c>
      <c r="G134" s="14"/>
      <c r="I134" s="4"/>
      <c r="J134" s="4"/>
      <c r="K134" s="4"/>
      <c r="L134" s="4"/>
    </row>
    <row r="135" spans="1:12" ht="14.25" customHeight="1" x14ac:dyDescent="0.25">
      <c r="A135" s="12" t="s">
        <v>1430</v>
      </c>
      <c r="B135" s="52" t="s">
        <v>1473</v>
      </c>
      <c r="C135" s="45"/>
      <c r="D135" s="12"/>
      <c r="E135" s="12"/>
      <c r="F135" s="13">
        <v>31902</v>
      </c>
      <c r="G135" s="14"/>
      <c r="I135" s="4"/>
      <c r="J135" s="4"/>
      <c r="K135" s="4"/>
      <c r="L135" s="4"/>
    </row>
    <row r="136" spans="1:12" ht="14.25" customHeight="1" x14ac:dyDescent="0.25">
      <c r="A136" s="12" t="s">
        <v>1668</v>
      </c>
      <c r="B136" s="52" t="s">
        <v>231</v>
      </c>
      <c r="C136" s="45"/>
      <c r="D136" s="12"/>
      <c r="E136" s="12"/>
      <c r="F136" s="15">
        <v>31951</v>
      </c>
      <c r="G136" s="14"/>
      <c r="I136" s="4"/>
      <c r="J136" s="4"/>
      <c r="K136" s="4"/>
      <c r="L136" s="4"/>
    </row>
    <row r="137" spans="1:12" ht="14.25" customHeight="1" x14ac:dyDescent="0.25">
      <c r="A137" s="12" t="s">
        <v>795</v>
      </c>
      <c r="B137" s="52" t="s">
        <v>835</v>
      </c>
      <c r="C137" s="45"/>
      <c r="D137" s="12"/>
      <c r="E137" s="12"/>
      <c r="F137" s="15">
        <v>31968</v>
      </c>
      <c r="G137" s="14"/>
      <c r="I137" s="4"/>
      <c r="J137" s="4"/>
      <c r="K137" s="4"/>
      <c r="L137" s="4"/>
    </row>
    <row r="138" spans="1:12" ht="14.25" customHeight="1" x14ac:dyDescent="0.25">
      <c r="A138" s="12" t="s">
        <v>1303</v>
      </c>
      <c r="B138" s="52" t="s">
        <v>548</v>
      </c>
      <c r="C138" s="45"/>
      <c r="D138" s="12"/>
      <c r="E138" s="12"/>
      <c r="F138" s="16">
        <v>31986</v>
      </c>
      <c r="G138" s="14"/>
      <c r="I138" s="4"/>
      <c r="J138" s="4"/>
      <c r="K138" s="4"/>
      <c r="L138" s="4"/>
    </row>
    <row r="139" spans="1:12" ht="14.25" customHeight="1" x14ac:dyDescent="0.25">
      <c r="A139" s="12" t="s">
        <v>1223</v>
      </c>
      <c r="B139" s="52" t="s">
        <v>1224</v>
      </c>
      <c r="C139" s="45"/>
      <c r="D139" s="12"/>
      <c r="E139" s="12"/>
      <c r="F139" s="13">
        <v>31995</v>
      </c>
      <c r="G139" s="14"/>
      <c r="I139" s="4"/>
      <c r="J139" s="4"/>
      <c r="K139" s="4"/>
      <c r="L139" s="4"/>
    </row>
    <row r="140" spans="1:12" ht="14.25" customHeight="1" x14ac:dyDescent="0.25">
      <c r="A140" s="12" t="s">
        <v>1387</v>
      </c>
      <c r="B140" s="52" t="s">
        <v>939</v>
      </c>
      <c r="C140" s="45"/>
      <c r="D140" s="12"/>
      <c r="E140" s="12"/>
      <c r="F140" s="16">
        <v>32082</v>
      </c>
      <c r="G140" s="14"/>
      <c r="I140" s="4"/>
      <c r="J140" s="4"/>
      <c r="K140" s="4"/>
      <c r="L140" s="4"/>
    </row>
    <row r="141" spans="1:12" ht="14.25" customHeight="1" x14ac:dyDescent="0.25">
      <c r="A141" s="12" t="s">
        <v>1180</v>
      </c>
      <c r="B141" s="52" t="s">
        <v>912</v>
      </c>
      <c r="C141" s="45"/>
      <c r="D141" s="12"/>
      <c r="E141" s="12"/>
      <c r="F141" s="16">
        <v>32095</v>
      </c>
      <c r="G141" s="14"/>
      <c r="I141" s="4"/>
      <c r="J141" s="4"/>
      <c r="K141" s="4"/>
      <c r="L141" s="4"/>
    </row>
    <row r="142" spans="1:12" ht="14.25" customHeight="1" x14ac:dyDescent="0.25">
      <c r="A142" s="12" t="s">
        <v>270</v>
      </c>
      <c r="B142" s="52" t="s">
        <v>107</v>
      </c>
      <c r="C142" s="45"/>
      <c r="D142" s="12"/>
      <c r="E142" s="12"/>
      <c r="F142" s="13">
        <v>32103</v>
      </c>
      <c r="G142" s="14"/>
      <c r="I142" s="4"/>
      <c r="J142" s="4"/>
      <c r="K142" s="4"/>
      <c r="L142" s="4"/>
    </row>
    <row r="143" spans="1:12" ht="14.25" customHeight="1" x14ac:dyDescent="0.25">
      <c r="A143" s="12" t="s">
        <v>791</v>
      </c>
      <c r="B143" s="52" t="s">
        <v>1469</v>
      </c>
      <c r="C143" s="45"/>
      <c r="D143" s="12"/>
      <c r="E143" s="12"/>
      <c r="F143" s="15">
        <v>32136</v>
      </c>
      <c r="G143" s="14"/>
      <c r="I143" s="4"/>
      <c r="J143" s="4"/>
      <c r="K143" s="4"/>
      <c r="L143" s="4"/>
    </row>
    <row r="144" spans="1:12" ht="14.25" customHeight="1" x14ac:dyDescent="0.25">
      <c r="A144" s="12" t="s">
        <v>1491</v>
      </c>
      <c r="B144" s="52" t="s">
        <v>1005</v>
      </c>
      <c r="C144" s="45"/>
      <c r="D144" s="12"/>
      <c r="E144" s="12"/>
      <c r="F144" s="16">
        <v>32323</v>
      </c>
      <c r="G144" s="14"/>
      <c r="I144" s="4"/>
      <c r="J144" s="4"/>
      <c r="K144" s="4"/>
      <c r="L144" s="4"/>
    </row>
    <row r="145" spans="1:12" ht="14.25" customHeight="1" x14ac:dyDescent="0.25">
      <c r="A145" s="12" t="s">
        <v>3013</v>
      </c>
      <c r="B145" s="52" t="s">
        <v>1132</v>
      </c>
      <c r="C145" s="45"/>
      <c r="D145" s="12"/>
      <c r="E145" s="12"/>
      <c r="F145" s="13">
        <v>32326</v>
      </c>
      <c r="G145" s="14"/>
      <c r="I145" s="4"/>
      <c r="J145" s="4"/>
      <c r="K145" s="4"/>
      <c r="L145" s="4"/>
    </row>
    <row r="146" spans="1:12" ht="14.25" customHeight="1" x14ac:dyDescent="0.25">
      <c r="A146" s="12" t="s">
        <v>675</v>
      </c>
      <c r="B146" s="52" t="s">
        <v>1285</v>
      </c>
      <c r="C146" s="45"/>
      <c r="D146" s="12"/>
      <c r="E146" s="12"/>
      <c r="F146" s="16">
        <v>32406</v>
      </c>
      <c r="G146" s="14"/>
      <c r="I146" s="4"/>
      <c r="J146" s="4"/>
      <c r="K146" s="4"/>
      <c r="L146" s="4"/>
    </row>
    <row r="147" spans="1:12" ht="14.25" customHeight="1" x14ac:dyDescent="0.25">
      <c r="A147" s="12" t="s">
        <v>793</v>
      </c>
      <c r="B147" s="52" t="s">
        <v>535</v>
      </c>
      <c r="C147" s="45"/>
      <c r="D147" s="12"/>
      <c r="E147" s="12"/>
      <c r="F147" s="13">
        <v>32414</v>
      </c>
      <c r="G147" s="14"/>
      <c r="I147" s="4"/>
      <c r="J147" s="4"/>
      <c r="K147" s="4"/>
      <c r="L147" s="4"/>
    </row>
    <row r="148" spans="1:12" ht="14.25" customHeight="1" x14ac:dyDescent="0.25">
      <c r="A148" s="12" t="s">
        <v>422</v>
      </c>
      <c r="B148" s="52" t="s">
        <v>653</v>
      </c>
      <c r="C148" s="45"/>
      <c r="D148" s="12"/>
      <c r="E148" s="12"/>
      <c r="F148" s="13">
        <v>35717</v>
      </c>
      <c r="G148" s="14"/>
      <c r="I148" s="4"/>
      <c r="J148" s="4"/>
      <c r="K148" s="4"/>
      <c r="L148" s="4"/>
    </row>
    <row r="149" spans="1:12" ht="14.25" customHeight="1" x14ac:dyDescent="0.25">
      <c r="A149" s="12" t="s">
        <v>2842</v>
      </c>
      <c r="B149" s="52" t="s">
        <v>247</v>
      </c>
      <c r="C149" s="45"/>
      <c r="D149" s="12"/>
      <c r="E149" s="12"/>
      <c r="F149" s="16">
        <v>32448</v>
      </c>
      <c r="G149" s="14"/>
      <c r="I149" s="4"/>
      <c r="J149" s="4"/>
      <c r="K149" s="4"/>
      <c r="L149" s="4"/>
    </row>
    <row r="150" spans="1:12" ht="14.25" customHeight="1" x14ac:dyDescent="0.25">
      <c r="A150" s="12" t="s">
        <v>776</v>
      </c>
      <c r="B150" s="52" t="s">
        <v>288</v>
      </c>
      <c r="C150" s="45"/>
      <c r="D150" s="12"/>
      <c r="E150" s="12"/>
      <c r="F150" s="16">
        <v>32448</v>
      </c>
      <c r="G150" s="14"/>
      <c r="I150" s="4"/>
      <c r="J150" s="4"/>
      <c r="K150" s="4"/>
      <c r="L150" s="4"/>
    </row>
    <row r="151" spans="1:12" ht="14.25" customHeight="1" x14ac:dyDescent="0.25">
      <c r="A151" s="12" t="s">
        <v>479</v>
      </c>
      <c r="B151" s="52" t="s">
        <v>480</v>
      </c>
      <c r="C151" s="45"/>
      <c r="D151" s="12" t="s">
        <v>1338</v>
      </c>
      <c r="E151" s="12" t="s">
        <v>484</v>
      </c>
      <c r="F151" s="15">
        <v>32512</v>
      </c>
      <c r="G151" s="14"/>
      <c r="I151" s="4"/>
      <c r="J151" s="4"/>
      <c r="K151" s="4"/>
      <c r="L151" s="4"/>
    </row>
    <row r="152" spans="1:12" ht="14.25" customHeight="1" x14ac:dyDescent="0.25">
      <c r="A152" s="12" t="s">
        <v>464</v>
      </c>
      <c r="B152" s="52" t="s">
        <v>1289</v>
      </c>
      <c r="C152" s="45"/>
      <c r="D152" s="12"/>
      <c r="E152" s="12"/>
      <c r="F152" s="13">
        <v>32532</v>
      </c>
      <c r="G152" s="14"/>
      <c r="I152" s="4"/>
      <c r="J152" s="4"/>
      <c r="K152" s="4"/>
      <c r="L152" s="4"/>
    </row>
    <row r="153" spans="1:12" ht="14.25" customHeight="1" x14ac:dyDescent="0.25">
      <c r="A153" s="12" t="s">
        <v>1013</v>
      </c>
      <c r="B153" s="52" t="s">
        <v>995</v>
      </c>
      <c r="C153" s="45"/>
      <c r="D153" s="12"/>
      <c r="E153" s="12"/>
      <c r="F153" s="16">
        <v>32555</v>
      </c>
      <c r="G153" s="14"/>
      <c r="I153" s="4"/>
      <c r="J153" s="4"/>
      <c r="K153" s="4"/>
      <c r="L153" s="4"/>
    </row>
    <row r="154" spans="1:12" ht="14.25" customHeight="1" x14ac:dyDescent="0.25">
      <c r="A154" s="12" t="s">
        <v>105</v>
      </c>
      <c r="B154" s="52" t="s">
        <v>578</v>
      </c>
      <c r="C154" s="45"/>
      <c r="D154" s="12" t="s">
        <v>2778</v>
      </c>
      <c r="E154" s="12" t="s">
        <v>580</v>
      </c>
      <c r="F154" s="15">
        <v>32575</v>
      </c>
      <c r="G154" s="14"/>
      <c r="I154" s="4"/>
      <c r="J154" s="4"/>
      <c r="K154" s="4"/>
      <c r="L154" s="4"/>
    </row>
    <row r="155" spans="1:12" ht="14.25" customHeight="1" x14ac:dyDescent="0.25">
      <c r="A155" s="12" t="s">
        <v>1705</v>
      </c>
      <c r="B155" s="52" t="s">
        <v>1096</v>
      </c>
      <c r="C155" s="45"/>
      <c r="D155" s="12"/>
      <c r="E155" s="12"/>
      <c r="F155" s="15">
        <v>32596</v>
      </c>
      <c r="G155" s="14"/>
      <c r="I155" s="4"/>
      <c r="J155" s="4"/>
      <c r="K155" s="4"/>
      <c r="L155" s="4"/>
    </row>
    <row r="156" spans="1:12" ht="14.25" customHeight="1" x14ac:dyDescent="0.25">
      <c r="A156" s="12" t="s">
        <v>1172</v>
      </c>
      <c r="B156" s="52" t="s">
        <v>412</v>
      </c>
      <c r="C156" s="45"/>
      <c r="D156" s="12"/>
      <c r="E156" s="12"/>
      <c r="F156" s="13">
        <v>32638</v>
      </c>
      <c r="G156" s="14"/>
      <c r="I156" s="4"/>
      <c r="J156" s="4"/>
      <c r="K156" s="4"/>
      <c r="L156" s="4"/>
    </row>
    <row r="157" spans="1:12" ht="14.25" customHeight="1" x14ac:dyDescent="0.25">
      <c r="A157" s="12" t="s">
        <v>1810</v>
      </c>
      <c r="B157" s="52" t="s">
        <v>603</v>
      </c>
      <c r="C157" s="45"/>
      <c r="D157" s="12" t="s">
        <v>2619</v>
      </c>
      <c r="E157" s="12" t="s">
        <v>483</v>
      </c>
      <c r="F157" s="15">
        <v>32687</v>
      </c>
      <c r="G157" s="14"/>
      <c r="I157" s="4"/>
      <c r="J157" s="4"/>
      <c r="K157" s="4"/>
      <c r="L157" s="4"/>
    </row>
    <row r="158" spans="1:12" ht="14.25" customHeight="1" x14ac:dyDescent="0.25">
      <c r="A158" s="12" t="s">
        <v>522</v>
      </c>
      <c r="B158" s="52" t="s">
        <v>1779</v>
      </c>
      <c r="C158" s="45"/>
      <c r="D158" s="12"/>
      <c r="E158" s="12"/>
      <c r="F158" s="15">
        <v>32798</v>
      </c>
      <c r="G158" s="14"/>
      <c r="I158" s="4"/>
      <c r="J158" s="4"/>
      <c r="K158" s="4"/>
      <c r="L158" s="4"/>
    </row>
    <row r="159" spans="1:12" ht="14.25" customHeight="1" x14ac:dyDescent="0.25">
      <c r="A159" s="12" t="s">
        <v>1450</v>
      </c>
      <c r="B159" s="52" t="s">
        <v>335</v>
      </c>
      <c r="C159" s="45"/>
      <c r="D159" s="12" t="s">
        <v>892</v>
      </c>
      <c r="E159" s="12" t="s">
        <v>509</v>
      </c>
      <c r="F159" s="15">
        <v>32836</v>
      </c>
      <c r="G159" s="14"/>
      <c r="I159" s="4"/>
      <c r="J159" s="4"/>
      <c r="K159" s="4"/>
      <c r="L159" s="4"/>
    </row>
    <row r="160" spans="1:12" ht="14.25" customHeight="1" x14ac:dyDescent="0.25">
      <c r="A160" s="12" t="s">
        <v>230</v>
      </c>
      <c r="B160" s="52" t="s">
        <v>1058</v>
      </c>
      <c r="C160" s="45"/>
      <c r="D160" s="12"/>
      <c r="E160" s="12"/>
      <c r="F160" s="16">
        <v>32864</v>
      </c>
      <c r="G160" s="14"/>
      <c r="I160" s="4"/>
      <c r="J160" s="4"/>
      <c r="K160" s="4"/>
      <c r="L160" s="4"/>
    </row>
    <row r="161" spans="1:12" ht="14.25" customHeight="1" x14ac:dyDescent="0.25">
      <c r="A161" s="12" t="s">
        <v>40</v>
      </c>
      <c r="B161" s="52" t="s">
        <v>208</v>
      </c>
      <c r="C161" s="45"/>
      <c r="D161" s="12"/>
      <c r="E161" s="12"/>
      <c r="F161" s="13">
        <v>32979</v>
      </c>
      <c r="G161" s="14"/>
      <c r="I161" s="4"/>
      <c r="J161" s="4"/>
      <c r="K161" s="4"/>
      <c r="L161" s="4"/>
    </row>
    <row r="162" spans="1:12" ht="14.25" customHeight="1" x14ac:dyDescent="0.25">
      <c r="A162" s="12" t="s">
        <v>780</v>
      </c>
      <c r="B162" s="52" t="s">
        <v>768</v>
      </c>
      <c r="C162" s="45"/>
      <c r="D162" s="12"/>
      <c r="E162" s="12"/>
      <c r="F162" s="13">
        <v>33017</v>
      </c>
      <c r="G162" s="14"/>
      <c r="I162" s="4"/>
      <c r="J162" s="4"/>
      <c r="K162" s="4"/>
      <c r="L162" s="4"/>
    </row>
    <row r="163" spans="1:12" ht="14.25" customHeight="1" x14ac:dyDescent="0.25">
      <c r="A163" s="12" t="s">
        <v>273</v>
      </c>
      <c r="B163" s="52" t="s">
        <v>179</v>
      </c>
      <c r="C163" s="45"/>
      <c r="D163" s="12" t="s">
        <v>2475</v>
      </c>
      <c r="E163" s="12" t="s">
        <v>136</v>
      </c>
      <c r="F163" s="15">
        <v>33144</v>
      </c>
      <c r="G163" s="14"/>
      <c r="I163" s="4"/>
      <c r="J163" s="4"/>
      <c r="K163" s="4"/>
      <c r="L163" s="4"/>
    </row>
    <row r="164" spans="1:12" ht="14.25" customHeight="1" x14ac:dyDescent="0.25">
      <c r="A164" s="12" t="s">
        <v>760</v>
      </c>
      <c r="B164" s="52" t="s">
        <v>763</v>
      </c>
      <c r="C164" s="45"/>
      <c r="D164" s="12"/>
      <c r="E164" s="12"/>
      <c r="F164" s="16">
        <v>33141</v>
      </c>
      <c r="G164" s="14"/>
      <c r="I164" s="4"/>
      <c r="J164" s="4"/>
      <c r="K164" s="4"/>
      <c r="L164" s="4"/>
    </row>
    <row r="165" spans="1:12" ht="14.25" customHeight="1" x14ac:dyDescent="0.25">
      <c r="A165" s="12" t="s">
        <v>1703</v>
      </c>
      <c r="B165" s="52" t="s">
        <v>246</v>
      </c>
      <c r="C165" s="45"/>
      <c r="D165" s="12"/>
      <c r="E165" s="12"/>
      <c r="F165" s="15">
        <v>33154</v>
      </c>
      <c r="G165" s="14"/>
      <c r="I165" s="4"/>
      <c r="J165" s="4"/>
      <c r="K165" s="4"/>
      <c r="L165" s="4"/>
    </row>
    <row r="166" spans="1:12" ht="14.25" customHeight="1" x14ac:dyDescent="0.25">
      <c r="A166" s="12" t="s">
        <v>617</v>
      </c>
      <c r="B166" s="52" t="s">
        <v>619</v>
      </c>
      <c r="C166" s="45"/>
      <c r="D166" s="12"/>
      <c r="E166" s="12"/>
      <c r="F166" s="16">
        <v>33192</v>
      </c>
      <c r="G166" s="14"/>
      <c r="I166" s="4"/>
      <c r="J166" s="4"/>
      <c r="K166" s="4"/>
      <c r="L166" s="4"/>
    </row>
    <row r="167" spans="1:12" ht="14.25" customHeight="1" x14ac:dyDescent="0.25">
      <c r="A167" s="12" t="s">
        <v>1024</v>
      </c>
      <c r="B167" s="52" t="s">
        <v>1001</v>
      </c>
      <c r="C167" s="45"/>
      <c r="D167" s="12"/>
      <c r="E167" s="12"/>
      <c r="F167" s="16">
        <v>33354</v>
      </c>
      <c r="G167" s="14"/>
      <c r="I167" s="4"/>
      <c r="J167" s="4"/>
      <c r="K167" s="4"/>
      <c r="L167" s="4"/>
    </row>
    <row r="168" spans="1:12" ht="14.25" customHeight="1" x14ac:dyDescent="0.25">
      <c r="A168" s="12" t="s">
        <v>728</v>
      </c>
      <c r="B168" s="52" t="s">
        <v>7</v>
      </c>
      <c r="C168" s="45"/>
      <c r="D168" s="12" t="s">
        <v>1221</v>
      </c>
      <c r="E168" s="12" t="s">
        <v>606</v>
      </c>
      <c r="F168" s="16">
        <v>33475</v>
      </c>
      <c r="G168" s="14"/>
      <c r="I168" s="4"/>
      <c r="J168" s="4"/>
      <c r="K168" s="4"/>
      <c r="L168" s="4"/>
    </row>
    <row r="169" spans="1:12" ht="14.25" customHeight="1" x14ac:dyDescent="0.25">
      <c r="A169" s="12" t="s">
        <v>1701</v>
      </c>
      <c r="B169" s="52" t="s">
        <v>1702</v>
      </c>
      <c r="C169" s="45"/>
      <c r="D169" s="12"/>
      <c r="E169" s="12"/>
      <c r="F169" s="15">
        <v>33532</v>
      </c>
      <c r="G169" s="14"/>
      <c r="I169" s="4"/>
      <c r="J169" s="4"/>
      <c r="K169" s="4"/>
      <c r="L169" s="4"/>
    </row>
    <row r="170" spans="1:12" ht="14.25" customHeight="1" x14ac:dyDescent="0.25">
      <c r="A170" s="12" t="s">
        <v>1214</v>
      </c>
      <c r="B170" s="52" t="s">
        <v>133</v>
      </c>
      <c r="C170" s="45"/>
      <c r="D170" s="12"/>
      <c r="E170" s="12"/>
      <c r="F170" s="16">
        <v>33578</v>
      </c>
      <c r="G170" s="14"/>
      <c r="I170" s="4"/>
      <c r="J170" s="4"/>
      <c r="K170" s="4"/>
      <c r="L170" s="4"/>
    </row>
    <row r="171" spans="1:12" ht="14.25" customHeight="1" x14ac:dyDescent="0.25">
      <c r="A171" s="12" t="s">
        <v>561</v>
      </c>
      <c r="B171" s="52" t="s">
        <v>562</v>
      </c>
      <c r="C171" s="45"/>
      <c r="D171" s="12"/>
      <c r="E171" s="12"/>
      <c r="F171" s="16">
        <v>33581</v>
      </c>
      <c r="G171" s="14"/>
      <c r="I171" s="4"/>
      <c r="J171" s="4"/>
      <c r="K171" s="4"/>
      <c r="L171" s="4"/>
    </row>
    <row r="172" spans="1:12" ht="14.25" customHeight="1" x14ac:dyDescent="0.25">
      <c r="A172" s="12" t="s">
        <v>1187</v>
      </c>
      <c r="B172" s="52" t="s">
        <v>2637</v>
      </c>
      <c r="C172" s="45"/>
      <c r="D172" s="12"/>
      <c r="E172" s="12"/>
      <c r="F172" s="13">
        <v>33660</v>
      </c>
      <c r="G172" s="14"/>
      <c r="I172" s="4"/>
      <c r="J172" s="4"/>
      <c r="K172" s="4"/>
      <c r="L172" s="4"/>
    </row>
    <row r="173" spans="1:12" ht="14.25" customHeight="1" x14ac:dyDescent="0.25">
      <c r="A173" s="12" t="s">
        <v>3027</v>
      </c>
      <c r="B173" s="52" t="s">
        <v>1339</v>
      </c>
      <c r="C173" s="45"/>
      <c r="D173" s="12"/>
      <c r="E173" s="12"/>
      <c r="F173" s="13">
        <v>33671</v>
      </c>
      <c r="G173" s="14"/>
      <c r="I173" s="4"/>
      <c r="J173" s="4"/>
      <c r="K173" s="4"/>
      <c r="L173" s="4"/>
    </row>
    <row r="174" spans="1:12" ht="14.25" customHeight="1" x14ac:dyDescent="0.25">
      <c r="A174" s="12" t="s">
        <v>724</v>
      </c>
      <c r="B174" s="52" t="s">
        <v>726</v>
      </c>
      <c r="C174" s="45"/>
      <c r="D174" s="12"/>
      <c r="E174" s="12"/>
      <c r="F174" s="13">
        <v>33674</v>
      </c>
      <c r="G174" s="14"/>
      <c r="I174" s="4"/>
      <c r="J174" s="4"/>
      <c r="K174" s="4"/>
      <c r="L174" s="4"/>
    </row>
    <row r="175" spans="1:12" ht="14.25" customHeight="1" x14ac:dyDescent="0.25">
      <c r="A175" s="12" t="s">
        <v>1761</v>
      </c>
      <c r="B175" s="52" t="s">
        <v>1499</v>
      </c>
      <c r="C175" s="45"/>
      <c r="D175" s="12"/>
      <c r="E175" s="12"/>
      <c r="F175" s="15">
        <v>33701</v>
      </c>
      <c r="G175" s="14">
        <v>116</v>
      </c>
      <c r="I175" s="4"/>
      <c r="J175" s="4"/>
      <c r="K175" s="4"/>
      <c r="L175" s="4"/>
    </row>
    <row r="176" spans="1:12" ht="14.25" customHeight="1" x14ac:dyDescent="0.25">
      <c r="A176" s="12" t="s">
        <v>862</v>
      </c>
      <c r="B176" s="52" t="s">
        <v>3079</v>
      </c>
      <c r="C176" s="45"/>
      <c r="D176" s="12"/>
      <c r="E176" s="12"/>
      <c r="F176" s="16">
        <v>33746</v>
      </c>
      <c r="G176" s="14"/>
      <c r="I176" s="4"/>
      <c r="J176" s="4"/>
      <c r="K176" s="4"/>
      <c r="L176" s="4"/>
    </row>
    <row r="177" spans="1:12" ht="14.25" customHeight="1" x14ac:dyDescent="0.25">
      <c r="A177" s="12" t="s">
        <v>108</v>
      </c>
      <c r="B177" s="52" t="s">
        <v>591</v>
      </c>
      <c r="C177" s="45" t="s">
        <v>1759</v>
      </c>
      <c r="D177" s="12" t="s">
        <v>1615</v>
      </c>
      <c r="E177" s="12" t="s">
        <v>1635</v>
      </c>
      <c r="F177" s="15">
        <v>33753</v>
      </c>
      <c r="G177" s="14">
        <v>288</v>
      </c>
      <c r="I177" s="4"/>
      <c r="J177" s="4"/>
      <c r="K177" s="4"/>
      <c r="L177" s="4"/>
    </row>
    <row r="178" spans="1:12" ht="14.25" customHeight="1" x14ac:dyDescent="0.25">
      <c r="A178" s="12" t="s">
        <v>1500</v>
      </c>
      <c r="B178" s="52" t="s">
        <v>1413</v>
      </c>
      <c r="C178" s="45"/>
      <c r="D178" s="12"/>
      <c r="E178" s="12"/>
      <c r="F178" s="16">
        <v>33770</v>
      </c>
      <c r="G178" s="14"/>
      <c r="I178" s="4"/>
      <c r="J178" s="4"/>
      <c r="K178" s="4"/>
      <c r="L178" s="4"/>
    </row>
    <row r="179" spans="1:12" ht="14.25" customHeight="1" x14ac:dyDescent="0.25">
      <c r="A179" s="12" t="s">
        <v>1697</v>
      </c>
      <c r="B179" s="52" t="s">
        <v>1698</v>
      </c>
      <c r="C179" s="45"/>
      <c r="D179" s="12"/>
      <c r="E179" s="12"/>
      <c r="F179" s="15">
        <v>33785</v>
      </c>
      <c r="G179" s="14"/>
      <c r="I179" s="4"/>
      <c r="J179" s="4"/>
      <c r="K179" s="4"/>
      <c r="L179" s="4"/>
    </row>
    <row r="180" spans="1:12" ht="14.25" customHeight="1" x14ac:dyDescent="0.25">
      <c r="A180" s="12" t="s">
        <v>1426</v>
      </c>
      <c r="B180" s="52" t="s">
        <v>465</v>
      </c>
      <c r="C180" s="45"/>
      <c r="D180" s="12"/>
      <c r="E180" s="12"/>
      <c r="F180" s="16">
        <v>33802</v>
      </c>
      <c r="G180" s="14"/>
      <c r="I180" s="4"/>
      <c r="J180" s="4"/>
      <c r="K180" s="4"/>
      <c r="L180" s="4"/>
    </row>
    <row r="181" spans="1:12" ht="14.25" customHeight="1" x14ac:dyDescent="0.25">
      <c r="A181" s="12" t="s">
        <v>708</v>
      </c>
      <c r="B181" s="52" t="s">
        <v>183</v>
      </c>
      <c r="C181" s="45"/>
      <c r="D181" s="12"/>
      <c r="E181" s="12"/>
      <c r="F181" s="16">
        <v>44772</v>
      </c>
      <c r="G181" s="14"/>
      <c r="I181" s="4"/>
      <c r="J181" s="4"/>
      <c r="K181" s="4"/>
      <c r="L181" s="4"/>
    </row>
    <row r="182" spans="1:12" ht="14.25" customHeight="1" x14ac:dyDescent="0.25">
      <c r="A182" s="12" t="s">
        <v>432</v>
      </c>
      <c r="B182" s="52" t="s">
        <v>475</v>
      </c>
      <c r="C182" s="45"/>
      <c r="D182" s="12"/>
      <c r="E182" s="12"/>
      <c r="F182" s="16">
        <v>33850</v>
      </c>
      <c r="G182" s="14"/>
      <c r="I182" s="4"/>
      <c r="J182" s="4"/>
      <c r="K182" s="4"/>
      <c r="L182" s="4"/>
    </row>
    <row r="183" spans="1:12" ht="14.25" customHeight="1" x14ac:dyDescent="0.25">
      <c r="A183" s="12" t="s">
        <v>707</v>
      </c>
      <c r="B183" s="52" t="s">
        <v>1188</v>
      </c>
      <c r="C183" s="45"/>
      <c r="D183" s="12"/>
      <c r="E183" s="12"/>
      <c r="F183" s="16">
        <v>33874</v>
      </c>
      <c r="G183" s="14"/>
      <c r="I183" s="4"/>
      <c r="J183" s="4"/>
      <c r="K183" s="4"/>
      <c r="L183" s="4"/>
    </row>
    <row r="184" spans="1:12" ht="14.25" customHeight="1" x14ac:dyDescent="0.25">
      <c r="A184" s="12" t="s">
        <v>1694</v>
      </c>
      <c r="B184" s="52" t="s">
        <v>1695</v>
      </c>
      <c r="C184" s="45"/>
      <c r="D184" s="12"/>
      <c r="E184" s="12"/>
      <c r="F184" s="15">
        <v>33921</v>
      </c>
      <c r="G184" s="14"/>
      <c r="I184" s="4"/>
      <c r="J184" s="4"/>
      <c r="K184" s="4"/>
      <c r="L184" s="4"/>
    </row>
    <row r="185" spans="1:12" ht="14.25" customHeight="1" x14ac:dyDescent="0.25">
      <c r="A185" s="12" t="s">
        <v>797</v>
      </c>
      <c r="B185" s="52" t="s">
        <v>282</v>
      </c>
      <c r="C185" s="45"/>
      <c r="D185" s="12"/>
      <c r="E185" s="12"/>
      <c r="F185" s="13">
        <v>33922</v>
      </c>
      <c r="G185" s="14"/>
      <c r="I185" s="4"/>
      <c r="J185" s="4"/>
      <c r="K185" s="4"/>
      <c r="L185" s="4"/>
    </row>
    <row r="186" spans="1:12" ht="14.25" customHeight="1" x14ac:dyDescent="0.25">
      <c r="A186" s="12" t="s">
        <v>37</v>
      </c>
      <c r="B186" s="52" t="s">
        <v>1465</v>
      </c>
      <c r="C186" s="45"/>
      <c r="D186" s="12"/>
      <c r="E186" s="12"/>
      <c r="F186" s="15">
        <v>34024</v>
      </c>
      <c r="G186" s="14"/>
      <c r="I186" s="4"/>
      <c r="J186" s="4"/>
      <c r="K186" s="4"/>
      <c r="L186" s="4"/>
    </row>
    <row r="187" spans="1:12" ht="14.25" customHeight="1" x14ac:dyDescent="0.25">
      <c r="A187" s="12" t="s">
        <v>299</v>
      </c>
      <c r="B187" s="52" t="s">
        <v>23</v>
      </c>
      <c r="C187" s="45"/>
      <c r="D187" s="12"/>
      <c r="E187" s="12"/>
      <c r="F187" s="16">
        <v>34059</v>
      </c>
      <c r="G187" s="14"/>
      <c r="I187" s="4"/>
      <c r="J187" s="4"/>
      <c r="K187" s="4"/>
      <c r="L187" s="4"/>
    </row>
    <row r="188" spans="1:12" ht="14.25" customHeight="1" x14ac:dyDescent="0.25">
      <c r="A188" s="12" t="s">
        <v>1514</v>
      </c>
      <c r="B188" s="52" t="s">
        <v>1516</v>
      </c>
      <c r="C188" s="45"/>
      <c r="D188" s="12"/>
      <c r="E188" s="12"/>
      <c r="F188" s="16">
        <v>34061</v>
      </c>
      <c r="G188" s="14"/>
      <c r="I188" s="4"/>
      <c r="J188" s="4"/>
      <c r="K188" s="4"/>
      <c r="L188" s="4"/>
    </row>
    <row r="189" spans="1:12" ht="14.25" customHeight="1" x14ac:dyDescent="0.25">
      <c r="A189" s="12" t="s">
        <v>342</v>
      </c>
      <c r="B189" s="52" t="s">
        <v>343</v>
      </c>
      <c r="C189" s="45"/>
      <c r="D189" s="12"/>
      <c r="E189" s="12"/>
      <c r="F189" s="13">
        <v>34089</v>
      </c>
      <c r="G189" s="14"/>
      <c r="I189" s="4"/>
      <c r="J189" s="4"/>
      <c r="K189" s="4"/>
      <c r="L189" s="4"/>
    </row>
    <row r="190" spans="1:12" ht="14.25" customHeight="1" x14ac:dyDescent="0.25">
      <c r="A190" s="12" t="s">
        <v>931</v>
      </c>
      <c r="B190" s="52" t="s">
        <v>932</v>
      </c>
      <c r="C190" s="45"/>
      <c r="D190" s="12" t="s">
        <v>2779</v>
      </c>
      <c r="E190" s="12" t="s">
        <v>928</v>
      </c>
      <c r="F190" s="13">
        <v>34189</v>
      </c>
      <c r="G190" s="14"/>
      <c r="I190" s="4"/>
      <c r="J190" s="4"/>
      <c r="K190" s="4"/>
      <c r="L190" s="4"/>
    </row>
    <row r="191" spans="1:12" ht="14.25" customHeight="1" x14ac:dyDescent="0.25">
      <c r="A191" s="12" t="s">
        <v>1271</v>
      </c>
      <c r="B191" s="52" t="s">
        <v>1518</v>
      </c>
      <c r="C191" s="45"/>
      <c r="D191" s="12"/>
      <c r="E191" s="12"/>
      <c r="F191" s="16">
        <v>34239</v>
      </c>
      <c r="G191" s="14"/>
      <c r="I191" s="4"/>
      <c r="J191" s="4"/>
      <c r="K191" s="4"/>
      <c r="L191" s="4"/>
    </row>
    <row r="192" spans="1:12" ht="14.25" customHeight="1" x14ac:dyDescent="0.25">
      <c r="A192" s="12" t="s">
        <v>1148</v>
      </c>
      <c r="B192" s="52" t="s">
        <v>601</v>
      </c>
      <c r="C192" s="45"/>
      <c r="D192" s="12"/>
      <c r="E192" s="12"/>
      <c r="F192" s="13">
        <v>34296</v>
      </c>
      <c r="G192" s="14"/>
      <c r="I192" s="4"/>
      <c r="J192" s="4"/>
      <c r="K192" s="4"/>
      <c r="L192" s="4"/>
    </row>
    <row r="193" spans="1:12" ht="14.25" customHeight="1" x14ac:dyDescent="0.25">
      <c r="A193" s="12" t="s">
        <v>1272</v>
      </c>
      <c r="B193" s="52" t="s">
        <v>1273</v>
      </c>
      <c r="C193" s="45"/>
      <c r="D193" s="12"/>
      <c r="E193" s="12"/>
      <c r="F193" s="13">
        <v>34315</v>
      </c>
      <c r="G193" s="14"/>
      <c r="I193" s="4"/>
      <c r="J193" s="4"/>
      <c r="K193" s="4"/>
      <c r="L193" s="4"/>
    </row>
    <row r="194" spans="1:12" s="4" customFormat="1" ht="14.25" customHeight="1" x14ac:dyDescent="0.25">
      <c r="A194" s="12" t="s">
        <v>1476</v>
      </c>
      <c r="B194" s="52" t="s">
        <v>1478</v>
      </c>
      <c r="C194" s="45"/>
      <c r="D194" s="12"/>
      <c r="E194" s="12"/>
      <c r="F194" s="13">
        <v>34403</v>
      </c>
      <c r="G194" s="14"/>
      <c r="I194" s="3"/>
      <c r="J194" s="3"/>
      <c r="K194" s="3"/>
      <c r="L194" s="3"/>
    </row>
    <row r="195" spans="1:12" ht="14.25" customHeight="1" x14ac:dyDescent="0.25">
      <c r="A195" s="12" t="s">
        <v>250</v>
      </c>
      <c r="B195" s="52" t="s">
        <v>254</v>
      </c>
      <c r="C195" s="45"/>
      <c r="D195" s="12"/>
      <c r="E195" s="12"/>
      <c r="F195" s="16">
        <v>34408</v>
      </c>
      <c r="G195" s="14"/>
      <c r="I195" s="4"/>
      <c r="J195" s="4"/>
      <c r="K195" s="4"/>
      <c r="L195" s="4"/>
    </row>
    <row r="196" spans="1:12" ht="14.25" customHeight="1" x14ac:dyDescent="0.25">
      <c r="A196" s="12" t="s">
        <v>1756</v>
      </c>
      <c r="B196" s="52" t="s">
        <v>1351</v>
      </c>
      <c r="C196" s="45"/>
      <c r="D196" s="12"/>
      <c r="E196" s="12"/>
      <c r="F196" s="15">
        <v>34422</v>
      </c>
      <c r="G196" s="14"/>
      <c r="I196" s="4"/>
      <c r="J196" s="4"/>
      <c r="K196" s="4"/>
      <c r="L196" s="4"/>
    </row>
    <row r="197" spans="1:12" ht="14.25" customHeight="1" x14ac:dyDescent="0.25">
      <c r="A197" s="12" t="s">
        <v>1754</v>
      </c>
      <c r="B197" s="52" t="s">
        <v>1755</v>
      </c>
      <c r="C197" s="45"/>
      <c r="D197" s="12"/>
      <c r="E197" s="12"/>
      <c r="F197" s="15">
        <v>34425</v>
      </c>
      <c r="G197" s="14"/>
      <c r="I197" s="4"/>
      <c r="J197" s="4"/>
      <c r="K197" s="4"/>
      <c r="L197" s="4"/>
    </row>
    <row r="198" spans="1:12" ht="14.25" customHeight="1" x14ac:dyDescent="0.25">
      <c r="A198" s="12" t="s">
        <v>1665</v>
      </c>
      <c r="B198" s="52" t="s">
        <v>1393</v>
      </c>
      <c r="C198" s="45"/>
      <c r="D198" s="12"/>
      <c r="E198" s="12"/>
      <c r="F198" s="15">
        <v>34440</v>
      </c>
      <c r="G198" s="14"/>
      <c r="I198" s="4"/>
      <c r="J198" s="4"/>
      <c r="K198" s="4"/>
      <c r="L198" s="4"/>
    </row>
    <row r="199" spans="1:12" ht="14.25" customHeight="1" x14ac:dyDescent="0.25">
      <c r="A199" s="12" t="s">
        <v>1523</v>
      </c>
      <c r="B199" s="52" t="s">
        <v>858</v>
      </c>
      <c r="C199" s="45"/>
      <c r="D199" s="12"/>
      <c r="E199" s="12"/>
      <c r="F199" s="13">
        <v>34446</v>
      </c>
      <c r="G199" s="14"/>
      <c r="I199" s="4"/>
      <c r="J199" s="4"/>
      <c r="K199" s="4"/>
      <c r="L199" s="4"/>
    </row>
    <row r="200" spans="1:12" s="4" customFormat="1" ht="14.25" customHeight="1" x14ac:dyDescent="0.25">
      <c r="A200" s="12" t="s">
        <v>1692</v>
      </c>
      <c r="B200" s="52" t="s">
        <v>272</v>
      </c>
      <c r="C200" s="45"/>
      <c r="D200" s="12"/>
      <c r="E200" s="12"/>
      <c r="F200" s="15">
        <v>34446</v>
      </c>
      <c r="G200" s="14"/>
      <c r="I200" s="3"/>
      <c r="J200" s="3"/>
      <c r="K200" s="3"/>
      <c r="L200" s="3"/>
    </row>
    <row r="201" spans="1:12" s="4" customFormat="1" ht="14.25" customHeight="1" x14ac:dyDescent="0.25">
      <c r="A201" s="12" t="s">
        <v>178</v>
      </c>
      <c r="B201" s="52" t="s">
        <v>199</v>
      </c>
      <c r="C201" s="45"/>
      <c r="D201" s="12"/>
      <c r="E201" s="12"/>
      <c r="F201" s="15">
        <v>34515</v>
      </c>
      <c r="G201" s="14"/>
      <c r="I201" s="3"/>
      <c r="J201" s="3"/>
      <c r="K201" s="3"/>
      <c r="L201" s="3"/>
    </row>
    <row r="202" spans="1:12" ht="14.25" customHeight="1" x14ac:dyDescent="0.25">
      <c r="A202" s="12" t="s">
        <v>1032</v>
      </c>
      <c r="B202" s="52" t="s">
        <v>1236</v>
      </c>
      <c r="C202" s="45"/>
      <c r="D202" s="12"/>
      <c r="E202" s="12"/>
      <c r="F202" s="15">
        <v>34523</v>
      </c>
      <c r="G202" s="14"/>
      <c r="I202" s="4"/>
      <c r="J202" s="4"/>
      <c r="K202" s="4"/>
      <c r="L202" s="4"/>
    </row>
    <row r="203" spans="1:12" ht="14.25" customHeight="1" x14ac:dyDescent="0.25">
      <c r="A203" s="12" t="s">
        <v>411</v>
      </c>
      <c r="B203" s="52" t="s">
        <v>413</v>
      </c>
      <c r="C203" s="45"/>
      <c r="D203" s="12"/>
      <c r="E203" s="12"/>
      <c r="F203" s="13">
        <v>34531</v>
      </c>
      <c r="G203" s="14"/>
      <c r="I203" s="4"/>
      <c r="J203" s="4"/>
      <c r="K203" s="4"/>
      <c r="L203" s="4"/>
    </row>
    <row r="204" spans="1:12" ht="14.25" customHeight="1" x14ac:dyDescent="0.25">
      <c r="A204" s="12" t="s">
        <v>1429</v>
      </c>
      <c r="B204" s="52" t="s">
        <v>559</v>
      </c>
      <c r="C204" s="45"/>
      <c r="D204" s="12"/>
      <c r="E204" s="12"/>
      <c r="F204" s="16">
        <v>34549</v>
      </c>
      <c r="G204" s="14"/>
      <c r="I204" s="4"/>
      <c r="J204" s="4"/>
      <c r="K204" s="4"/>
      <c r="L204" s="4"/>
    </row>
    <row r="205" spans="1:12" s="4" customFormat="1" ht="14.25" customHeight="1" x14ac:dyDescent="0.25">
      <c r="A205" s="12" t="s">
        <v>1398</v>
      </c>
      <c r="B205" s="52" t="s">
        <v>1436</v>
      </c>
      <c r="C205" s="45"/>
      <c r="D205" s="12"/>
      <c r="E205" s="12"/>
      <c r="F205" s="16">
        <v>34568</v>
      </c>
      <c r="G205" s="14"/>
      <c r="I205" s="3"/>
      <c r="J205" s="3"/>
      <c r="K205" s="3"/>
      <c r="L205" s="3"/>
    </row>
    <row r="206" spans="1:12" ht="14.25" customHeight="1" x14ac:dyDescent="0.25">
      <c r="A206" s="12" t="s">
        <v>516</v>
      </c>
      <c r="B206" s="52" t="s">
        <v>769</v>
      </c>
      <c r="C206" s="45"/>
      <c r="D206" s="12"/>
      <c r="E206" s="12"/>
      <c r="F206" s="16">
        <v>34586</v>
      </c>
      <c r="G206" s="14"/>
      <c r="I206" s="4"/>
      <c r="J206" s="4"/>
      <c r="K206" s="4"/>
      <c r="L206" s="4"/>
    </row>
    <row r="207" spans="1:12" ht="14.25" customHeight="1" x14ac:dyDescent="0.25">
      <c r="A207" s="12" t="s">
        <v>2695</v>
      </c>
      <c r="B207" s="52" t="s">
        <v>2696</v>
      </c>
      <c r="C207" s="45"/>
      <c r="D207" s="12"/>
      <c r="E207" s="12"/>
      <c r="F207" s="13">
        <v>34620</v>
      </c>
      <c r="G207" s="14"/>
      <c r="I207" s="4"/>
      <c r="J207" s="4"/>
      <c r="K207" s="4"/>
      <c r="L207" s="4"/>
    </row>
    <row r="208" spans="1:12" ht="14.25" customHeight="1" x14ac:dyDescent="0.25">
      <c r="A208" s="12" t="s">
        <v>3028</v>
      </c>
      <c r="B208" s="52" t="s">
        <v>258</v>
      </c>
      <c r="C208" s="45"/>
      <c r="D208" s="12"/>
      <c r="E208" s="12"/>
      <c r="F208" s="13">
        <v>34632</v>
      </c>
      <c r="G208" s="14"/>
      <c r="I208" s="4"/>
      <c r="J208" s="4"/>
      <c r="K208" s="4"/>
      <c r="L208" s="4"/>
    </row>
    <row r="209" spans="1:12" ht="14.25" customHeight="1" x14ac:dyDescent="0.25">
      <c r="A209" s="12" t="s">
        <v>263</v>
      </c>
      <c r="B209" s="52" t="s">
        <v>1558</v>
      </c>
      <c r="C209" s="45"/>
      <c r="D209" s="12"/>
      <c r="E209" s="12"/>
      <c r="F209" s="16">
        <v>34660</v>
      </c>
      <c r="G209" s="14"/>
      <c r="I209" s="4"/>
      <c r="J209" s="4"/>
      <c r="K209" s="4"/>
      <c r="L209" s="4"/>
    </row>
    <row r="210" spans="1:12" ht="14.25" customHeight="1" x14ac:dyDescent="0.25">
      <c r="A210" s="12" t="s">
        <v>764</v>
      </c>
      <c r="B210" s="52" t="s">
        <v>831</v>
      </c>
      <c r="C210" s="45"/>
      <c r="D210" s="12"/>
      <c r="E210" s="12"/>
      <c r="F210" s="16">
        <v>34669</v>
      </c>
      <c r="G210" s="14"/>
      <c r="I210" s="4"/>
      <c r="J210" s="4"/>
      <c r="K210" s="4"/>
      <c r="L210" s="4"/>
    </row>
    <row r="211" spans="1:12" s="4" customFormat="1" ht="14.25" customHeight="1" x14ac:dyDescent="0.25">
      <c r="A211" s="12" t="s">
        <v>946</v>
      </c>
      <c r="B211" s="52" t="s">
        <v>947</v>
      </c>
      <c r="C211" s="45"/>
      <c r="D211" s="12"/>
      <c r="E211" s="12"/>
      <c r="F211" s="13">
        <v>34731</v>
      </c>
      <c r="G211" s="14"/>
      <c r="I211" s="3"/>
      <c r="J211" s="3"/>
      <c r="K211" s="3"/>
      <c r="L211" s="3"/>
    </row>
    <row r="212" spans="1:12" s="4" customFormat="1" ht="14.25" customHeight="1" x14ac:dyDescent="0.25">
      <c r="A212" s="12" t="s">
        <v>570</v>
      </c>
      <c r="B212" s="52" t="s">
        <v>690</v>
      </c>
      <c r="C212" s="45"/>
      <c r="D212" s="12"/>
      <c r="E212" s="12"/>
      <c r="F212" s="15">
        <v>34795</v>
      </c>
      <c r="G212" s="14"/>
      <c r="I212" s="3"/>
      <c r="J212" s="3"/>
      <c r="K212" s="3"/>
      <c r="L212" s="3"/>
    </row>
    <row r="213" spans="1:12" s="4" customFormat="1" ht="14.25" customHeight="1" x14ac:dyDescent="0.25">
      <c r="A213" s="12" t="s">
        <v>1475</v>
      </c>
      <c r="B213" s="52" t="s">
        <v>989</v>
      </c>
      <c r="C213" s="45"/>
      <c r="D213" s="12"/>
      <c r="E213" s="12"/>
      <c r="F213" s="16">
        <v>34795</v>
      </c>
      <c r="G213" s="14"/>
      <c r="I213" s="3"/>
      <c r="J213" s="3"/>
      <c r="K213" s="3"/>
      <c r="L213" s="3"/>
    </row>
    <row r="214" spans="1:12" s="4" customFormat="1" ht="14.25" customHeight="1" x14ac:dyDescent="0.25">
      <c r="A214" s="12" t="s">
        <v>1488</v>
      </c>
      <c r="B214" s="52" t="s">
        <v>1489</v>
      </c>
      <c r="C214" s="45"/>
      <c r="D214" s="12"/>
      <c r="E214" s="12"/>
      <c r="F214" s="13">
        <v>34797</v>
      </c>
      <c r="G214" s="14"/>
    </row>
    <row r="215" spans="1:12" s="4" customFormat="1" ht="14.25" customHeight="1" x14ac:dyDescent="0.25">
      <c r="A215" s="12" t="s">
        <v>1234</v>
      </c>
      <c r="B215" s="52" t="s">
        <v>1235</v>
      </c>
      <c r="C215" s="45"/>
      <c r="D215" s="12"/>
      <c r="E215" s="12"/>
      <c r="F215" s="16">
        <v>34949</v>
      </c>
      <c r="G215" s="14"/>
    </row>
    <row r="216" spans="1:12" s="4" customFormat="1" ht="14.25" customHeight="1" x14ac:dyDescent="0.25">
      <c r="A216" s="12" t="s">
        <v>1664</v>
      </c>
      <c r="B216" s="52" t="s">
        <v>1219</v>
      </c>
      <c r="C216" s="45"/>
      <c r="D216" s="12"/>
      <c r="E216" s="12"/>
      <c r="F216" s="16">
        <v>34990</v>
      </c>
      <c r="G216" s="14"/>
      <c r="I216" s="3"/>
      <c r="J216" s="3"/>
      <c r="K216" s="3"/>
      <c r="L216" s="3"/>
    </row>
    <row r="217" spans="1:12" s="4" customFormat="1" ht="14.25" customHeight="1" x14ac:dyDescent="0.25">
      <c r="A217" s="12" t="s">
        <v>1662</v>
      </c>
      <c r="B217" s="52" t="s">
        <v>1663</v>
      </c>
      <c r="C217" s="45"/>
      <c r="D217" s="12"/>
      <c r="E217" s="12"/>
      <c r="F217" s="15">
        <v>35023</v>
      </c>
      <c r="G217" s="14"/>
      <c r="I217" s="3"/>
      <c r="J217" s="3"/>
      <c r="K217" s="3"/>
      <c r="L217" s="3"/>
    </row>
    <row r="218" spans="1:12" s="4" customFormat="1" ht="14.25" customHeight="1" x14ac:dyDescent="0.25">
      <c r="A218" s="12" t="s">
        <v>701</v>
      </c>
      <c r="B218" s="52" t="s">
        <v>1121</v>
      </c>
      <c r="C218" s="45"/>
      <c r="D218" s="12"/>
      <c r="E218" s="12"/>
      <c r="F218" s="22">
        <v>35100</v>
      </c>
      <c r="G218" s="14"/>
      <c r="I218" s="3"/>
      <c r="J218" s="3"/>
      <c r="K218" s="3"/>
      <c r="L218" s="3"/>
    </row>
    <row r="219" spans="1:12" s="4" customFormat="1" ht="14.25" customHeight="1" x14ac:dyDescent="0.25">
      <c r="A219" s="12" t="s">
        <v>1527</v>
      </c>
      <c r="B219" s="52" t="s">
        <v>443</v>
      </c>
      <c r="C219" s="45"/>
      <c r="D219" s="12"/>
      <c r="E219" s="12"/>
      <c r="F219" s="15">
        <v>35151</v>
      </c>
      <c r="G219" s="14">
        <v>117</v>
      </c>
      <c r="I219" s="3"/>
      <c r="J219" s="3"/>
      <c r="K219" s="3"/>
      <c r="L219" s="3"/>
    </row>
    <row r="220" spans="1:12" s="4" customFormat="1" ht="14.25" customHeight="1" x14ac:dyDescent="0.25">
      <c r="A220" s="12" t="s">
        <v>123</v>
      </c>
      <c r="B220" s="52" t="s">
        <v>1141</v>
      </c>
      <c r="C220" s="45"/>
      <c r="D220" s="12"/>
      <c r="E220" s="12"/>
      <c r="F220" s="13">
        <v>35160</v>
      </c>
      <c r="G220" s="14" t="s">
        <v>843</v>
      </c>
      <c r="I220" s="3"/>
      <c r="J220" s="3"/>
      <c r="K220" s="3"/>
      <c r="L220" s="3"/>
    </row>
    <row r="221" spans="1:12" ht="14.25" customHeight="1" x14ac:dyDescent="0.25">
      <c r="A221" s="12" t="s">
        <v>167</v>
      </c>
      <c r="B221" s="52" t="s">
        <v>1159</v>
      </c>
      <c r="C221" s="45" t="s">
        <v>3024</v>
      </c>
      <c r="D221" s="12"/>
      <c r="E221" s="12"/>
      <c r="F221" s="13">
        <v>35170</v>
      </c>
      <c r="G221" s="14" t="s">
        <v>172</v>
      </c>
      <c r="I221" s="4"/>
      <c r="J221" s="4"/>
      <c r="K221" s="4"/>
      <c r="L221" s="4"/>
    </row>
    <row r="222" spans="1:12" ht="14.25" customHeight="1" x14ac:dyDescent="0.25">
      <c r="A222" s="12" t="s">
        <v>1751</v>
      </c>
      <c r="B222" s="52" t="s">
        <v>394</v>
      </c>
      <c r="C222" s="45"/>
      <c r="D222" s="12" t="s">
        <v>1615</v>
      </c>
      <c r="E222" s="12" t="s">
        <v>1635</v>
      </c>
      <c r="F222" s="15">
        <v>35227</v>
      </c>
      <c r="G222" s="14">
        <v>360</v>
      </c>
      <c r="I222" s="4"/>
      <c r="J222" s="4"/>
      <c r="K222" s="4"/>
      <c r="L222" s="4"/>
    </row>
    <row r="223" spans="1:12" ht="14.25" customHeight="1" x14ac:dyDescent="0.25">
      <c r="A223" s="12" t="s">
        <v>1118</v>
      </c>
      <c r="B223" s="52" t="s">
        <v>356</v>
      </c>
      <c r="C223" s="45"/>
      <c r="D223" s="12"/>
      <c r="E223" s="12"/>
      <c r="F223" s="13">
        <v>35236</v>
      </c>
      <c r="G223" s="14" t="s">
        <v>1120</v>
      </c>
      <c r="I223" s="4"/>
      <c r="J223" s="4"/>
      <c r="K223" s="4"/>
      <c r="L223" s="4"/>
    </row>
    <row r="224" spans="1:12" ht="14.25" customHeight="1" x14ac:dyDescent="0.25">
      <c r="A224" s="12" t="s">
        <v>908</v>
      </c>
      <c r="B224" s="52" t="s">
        <v>130</v>
      </c>
      <c r="C224" s="45"/>
      <c r="D224" s="12" t="s">
        <v>2339</v>
      </c>
      <c r="E224" s="12" t="s">
        <v>497</v>
      </c>
      <c r="F224" s="13">
        <v>35244</v>
      </c>
      <c r="G224" s="14" t="s">
        <v>28</v>
      </c>
      <c r="I224" s="4"/>
      <c r="J224" s="4"/>
      <c r="K224" s="4"/>
      <c r="L224" s="4"/>
    </row>
    <row r="225" spans="1:12" ht="14.25" customHeight="1" x14ac:dyDescent="0.25">
      <c r="A225" s="12" t="s">
        <v>545</v>
      </c>
      <c r="B225" s="52" t="s">
        <v>547</v>
      </c>
      <c r="C225" s="45"/>
      <c r="D225" s="12"/>
      <c r="E225" s="12"/>
      <c r="F225" s="13">
        <v>35264</v>
      </c>
      <c r="G225" s="14" t="s">
        <v>239</v>
      </c>
      <c r="I225" s="4"/>
      <c r="J225" s="4"/>
      <c r="K225" s="4"/>
      <c r="L225" s="4"/>
    </row>
    <row r="226" spans="1:12" ht="14.25" customHeight="1" x14ac:dyDescent="0.25">
      <c r="A226" s="12" t="s">
        <v>942</v>
      </c>
      <c r="B226" s="52" t="s">
        <v>747</v>
      </c>
      <c r="C226" s="45"/>
      <c r="D226" s="12"/>
      <c r="E226" s="12"/>
      <c r="F226" s="15">
        <v>35416</v>
      </c>
      <c r="G226" s="14"/>
      <c r="I226" s="4"/>
      <c r="J226" s="4"/>
      <c r="K226" s="4"/>
      <c r="L226" s="4"/>
    </row>
    <row r="227" spans="1:12" ht="14.25" customHeight="1" x14ac:dyDescent="0.25">
      <c r="A227" s="12" t="s">
        <v>1106</v>
      </c>
      <c r="B227" s="52" t="s">
        <v>346</v>
      </c>
      <c r="C227" s="45"/>
      <c r="D227" s="12"/>
      <c r="E227" s="12"/>
      <c r="F227" s="15">
        <v>35446</v>
      </c>
      <c r="G227" s="14" t="s">
        <v>596</v>
      </c>
      <c r="I227" s="4"/>
      <c r="J227" s="4"/>
      <c r="K227" s="4"/>
      <c r="L227" s="4"/>
    </row>
    <row r="228" spans="1:12" ht="14.25" customHeight="1" x14ac:dyDescent="0.25">
      <c r="A228" s="12" t="s">
        <v>217</v>
      </c>
      <c r="B228" s="52" t="s">
        <v>116</v>
      </c>
      <c r="C228" s="45"/>
      <c r="D228" s="12"/>
      <c r="E228" s="12"/>
      <c r="F228" s="16">
        <v>35462</v>
      </c>
      <c r="G228" s="14" t="s">
        <v>457</v>
      </c>
      <c r="I228" s="4"/>
      <c r="J228" s="4"/>
      <c r="K228" s="4"/>
      <c r="L228" s="4"/>
    </row>
    <row r="229" spans="1:12" ht="14.25" customHeight="1" x14ac:dyDescent="0.25">
      <c r="A229" s="12" t="s">
        <v>663</v>
      </c>
      <c r="B229" s="52" t="s">
        <v>770</v>
      </c>
      <c r="C229" s="45"/>
      <c r="D229" s="12"/>
      <c r="E229" s="12"/>
      <c r="F229" s="13">
        <v>35475</v>
      </c>
      <c r="G229" s="14" t="s">
        <v>703</v>
      </c>
      <c r="I229" s="4"/>
      <c r="J229" s="4"/>
      <c r="K229" s="4"/>
      <c r="L229" s="4"/>
    </row>
    <row r="230" spans="1:12" ht="14.25" customHeight="1" x14ac:dyDescent="0.25">
      <c r="A230" s="12" t="s">
        <v>1778</v>
      </c>
      <c r="B230" s="52" t="s">
        <v>278</v>
      </c>
      <c r="C230" s="45"/>
      <c r="D230" s="12"/>
      <c r="E230" s="12"/>
      <c r="F230" s="15">
        <v>35501</v>
      </c>
      <c r="G230" s="14"/>
      <c r="I230" s="4"/>
      <c r="J230" s="4"/>
      <c r="K230" s="4"/>
      <c r="L230" s="4"/>
    </row>
    <row r="231" spans="1:12" ht="14.25" customHeight="1" x14ac:dyDescent="0.25">
      <c r="A231" s="12" t="s">
        <v>459</v>
      </c>
      <c r="B231" s="52" t="s">
        <v>629</v>
      </c>
      <c r="C231" s="45"/>
      <c r="D231" s="12" t="s">
        <v>2795</v>
      </c>
      <c r="E231" s="12" t="s">
        <v>483</v>
      </c>
      <c r="F231" s="15">
        <v>35530</v>
      </c>
      <c r="G231" s="14" t="s">
        <v>631</v>
      </c>
      <c r="I231" s="4"/>
      <c r="J231" s="4"/>
      <c r="K231" s="4"/>
      <c r="L231" s="4"/>
    </row>
    <row r="232" spans="1:12" ht="14.25" customHeight="1" x14ac:dyDescent="0.25">
      <c r="A232" s="12" t="s">
        <v>1213</v>
      </c>
      <c r="B232" s="52" t="s">
        <v>1455</v>
      </c>
      <c r="C232" s="45"/>
      <c r="D232" s="12"/>
      <c r="E232" s="12"/>
      <c r="F232" s="16">
        <v>35535</v>
      </c>
      <c r="G232" s="14" t="s">
        <v>1458</v>
      </c>
      <c r="I232" s="4"/>
      <c r="J232" s="4"/>
      <c r="K232" s="4"/>
      <c r="L232" s="4"/>
    </row>
    <row r="233" spans="1:12" ht="14.25" customHeight="1" x14ac:dyDescent="0.25">
      <c r="A233" s="12" t="s">
        <v>822</v>
      </c>
      <c r="B233" s="52" t="s">
        <v>958</v>
      </c>
      <c r="C233" s="45"/>
      <c r="D233" s="12"/>
      <c r="E233" s="12"/>
      <c r="F233" s="16">
        <v>35599</v>
      </c>
      <c r="G233" s="14" t="s">
        <v>368</v>
      </c>
      <c r="I233" s="4"/>
      <c r="J233" s="4"/>
      <c r="K233" s="4"/>
      <c r="L233" s="4"/>
    </row>
    <row r="234" spans="1:12" ht="14.25" customHeight="1" x14ac:dyDescent="0.25">
      <c r="A234" s="12" t="s">
        <v>135</v>
      </c>
      <c r="B234" s="52" t="s">
        <v>1749</v>
      </c>
      <c r="C234" s="45"/>
      <c r="D234" s="12"/>
      <c r="E234" s="12"/>
      <c r="F234" s="15">
        <v>35611</v>
      </c>
      <c r="G234" s="14"/>
      <c r="I234" s="4"/>
      <c r="J234" s="4"/>
      <c r="K234" s="4"/>
      <c r="L234" s="4"/>
    </row>
    <row r="235" spans="1:12" ht="14.25" customHeight="1" x14ac:dyDescent="0.25">
      <c r="A235" s="12" t="s">
        <v>528</v>
      </c>
      <c r="B235" s="52" t="s">
        <v>38</v>
      </c>
      <c r="C235" s="45"/>
      <c r="D235" s="12"/>
      <c r="E235" s="12"/>
      <c r="F235" s="16">
        <v>35615</v>
      </c>
      <c r="G235" s="14" t="s">
        <v>534</v>
      </c>
      <c r="I235" s="4"/>
      <c r="J235" s="4"/>
      <c r="K235" s="4"/>
      <c r="L235" s="4"/>
    </row>
    <row r="236" spans="1:12" ht="14.25" customHeight="1" x14ac:dyDescent="0.25">
      <c r="A236" s="12" t="s">
        <v>1659</v>
      </c>
      <c r="B236" s="52" t="s">
        <v>1451</v>
      </c>
      <c r="C236" s="45"/>
      <c r="D236" s="12"/>
      <c r="E236" s="12"/>
      <c r="F236" s="15">
        <v>35667</v>
      </c>
      <c r="G236" s="14"/>
      <c r="I236" s="4"/>
      <c r="J236" s="4"/>
      <c r="K236" s="4"/>
      <c r="L236" s="4"/>
    </row>
    <row r="237" spans="1:12" ht="14.25" customHeight="1" x14ac:dyDescent="0.25">
      <c r="A237" s="12" t="s">
        <v>1205</v>
      </c>
      <c r="B237" s="52" t="s">
        <v>729</v>
      </c>
      <c r="C237" s="45"/>
      <c r="D237" s="12"/>
      <c r="E237" s="12"/>
      <c r="F237" s="16">
        <v>35692</v>
      </c>
      <c r="G237" s="14" t="s">
        <v>155</v>
      </c>
      <c r="I237" s="4"/>
      <c r="J237" s="4"/>
      <c r="K237" s="4"/>
      <c r="L237" s="4"/>
    </row>
    <row r="238" spans="1:12" ht="14.25" customHeight="1" x14ac:dyDescent="0.25">
      <c r="A238" s="12" t="s">
        <v>113</v>
      </c>
      <c r="B238" s="52" t="s">
        <v>97</v>
      </c>
      <c r="C238" s="45"/>
      <c r="D238" s="12"/>
      <c r="E238" s="12"/>
      <c r="F238" s="13">
        <v>35717</v>
      </c>
      <c r="G238" s="14" t="s">
        <v>141</v>
      </c>
      <c r="I238" s="4"/>
      <c r="J238" s="4"/>
      <c r="K238" s="4"/>
      <c r="L238" s="4"/>
    </row>
    <row r="239" spans="1:12" ht="14.25" customHeight="1" x14ac:dyDescent="0.25">
      <c r="A239" s="12" t="s">
        <v>1431</v>
      </c>
      <c r="B239" s="52" t="s">
        <v>1432</v>
      </c>
      <c r="C239" s="45"/>
      <c r="D239" s="12"/>
      <c r="E239" s="12"/>
      <c r="F239" s="13">
        <v>35730</v>
      </c>
      <c r="G239" s="14" t="s">
        <v>306</v>
      </c>
      <c r="I239" s="4"/>
      <c r="J239" s="4"/>
      <c r="K239" s="4"/>
      <c r="L239" s="4"/>
    </row>
    <row r="240" spans="1:12" ht="14.25" customHeight="1" x14ac:dyDescent="0.25">
      <c r="A240" s="12" t="s">
        <v>953</v>
      </c>
      <c r="B240" s="52" t="s">
        <v>1077</v>
      </c>
      <c r="C240" s="45"/>
      <c r="D240" s="12"/>
      <c r="E240" s="12"/>
      <c r="F240" s="13">
        <v>35730</v>
      </c>
      <c r="G240" s="14" t="s">
        <v>1078</v>
      </c>
      <c r="I240" s="4"/>
      <c r="J240" s="4"/>
      <c r="K240" s="4"/>
      <c r="L240" s="4"/>
    </row>
    <row r="241" spans="1:12" ht="14.25" customHeight="1" x14ac:dyDescent="0.25">
      <c r="A241" s="12" t="s">
        <v>2435</v>
      </c>
      <c r="B241" s="52" t="s">
        <v>563</v>
      </c>
      <c r="C241" s="45"/>
      <c r="D241" s="12"/>
      <c r="E241" s="12"/>
      <c r="F241" s="15">
        <v>35731</v>
      </c>
      <c r="G241" s="14"/>
      <c r="I241" s="4"/>
      <c r="J241" s="4"/>
      <c r="K241" s="4"/>
      <c r="L241" s="4"/>
    </row>
    <row r="242" spans="1:12" ht="14.25" customHeight="1" x14ac:dyDescent="0.25">
      <c r="A242" s="12" t="s">
        <v>1674</v>
      </c>
      <c r="B242" s="52" t="s">
        <v>622</v>
      </c>
      <c r="C242" s="45"/>
      <c r="D242" s="12"/>
      <c r="E242" s="12"/>
      <c r="F242" s="15">
        <v>35762</v>
      </c>
      <c r="G242" s="14"/>
      <c r="I242" s="4"/>
      <c r="J242" s="4"/>
      <c r="K242" s="4"/>
      <c r="L242" s="4"/>
    </row>
    <row r="243" spans="1:12" ht="14.25" customHeight="1" x14ac:dyDescent="0.25">
      <c r="A243" s="12" t="s">
        <v>731</v>
      </c>
      <c r="B243" s="52" t="s">
        <v>732</v>
      </c>
      <c r="C243" s="45"/>
      <c r="D243" s="12"/>
      <c r="E243" s="12"/>
      <c r="F243" s="16">
        <v>35781</v>
      </c>
      <c r="G243" s="14" t="s">
        <v>407</v>
      </c>
      <c r="I243" s="4"/>
      <c r="J243" s="4"/>
      <c r="K243" s="4"/>
      <c r="L243" s="4"/>
    </row>
    <row r="244" spans="1:12" ht="14.25" customHeight="1" x14ac:dyDescent="0.25">
      <c r="A244" s="12" t="s">
        <v>233</v>
      </c>
      <c r="B244" s="52" t="s">
        <v>1129</v>
      </c>
      <c r="C244" s="45"/>
      <c r="D244" s="12"/>
      <c r="E244" s="12"/>
      <c r="F244" s="13">
        <v>35779</v>
      </c>
      <c r="G244" s="14" t="s">
        <v>371</v>
      </c>
      <c r="I244" s="4"/>
      <c r="J244" s="4"/>
      <c r="K244" s="4"/>
      <c r="L244" s="4"/>
    </row>
    <row r="245" spans="1:12" ht="14.25" customHeight="1" x14ac:dyDescent="0.25">
      <c r="A245" s="12" t="s">
        <v>1587</v>
      </c>
      <c r="B245" s="52" t="s">
        <v>1657</v>
      </c>
      <c r="C245" s="45"/>
      <c r="D245" s="12"/>
      <c r="E245" s="12"/>
      <c r="F245" s="15">
        <v>35788</v>
      </c>
      <c r="G245" s="14"/>
      <c r="I245" s="4"/>
      <c r="J245" s="4"/>
      <c r="K245" s="4"/>
      <c r="L245" s="4"/>
    </row>
    <row r="246" spans="1:12" ht="14.25" customHeight="1" x14ac:dyDescent="0.25">
      <c r="A246" s="12" t="s">
        <v>1191</v>
      </c>
      <c r="B246" s="52" t="s">
        <v>541</v>
      </c>
      <c r="C246" s="45"/>
      <c r="D246" s="12" t="s">
        <v>2780</v>
      </c>
      <c r="E246" s="12" t="s">
        <v>1192</v>
      </c>
      <c r="F246" s="13">
        <v>35815</v>
      </c>
      <c r="G246" s="14" t="s">
        <v>1193</v>
      </c>
      <c r="I246" s="4"/>
      <c r="J246" s="4"/>
      <c r="K246" s="4"/>
      <c r="L246" s="4"/>
    </row>
    <row r="247" spans="1:12" ht="14.25" customHeight="1" x14ac:dyDescent="0.25">
      <c r="A247" s="12" t="s">
        <v>228</v>
      </c>
      <c r="B247" s="52" t="s">
        <v>704</v>
      </c>
      <c r="C247" s="45"/>
      <c r="D247" s="12"/>
      <c r="E247" s="12"/>
      <c r="F247" s="13">
        <v>35852</v>
      </c>
      <c r="G247" s="14" t="s">
        <v>19</v>
      </c>
      <c r="I247" s="4"/>
      <c r="J247" s="4"/>
      <c r="K247" s="4"/>
      <c r="L247" s="4"/>
    </row>
    <row r="248" spans="1:12" ht="14.25" customHeight="1" x14ac:dyDescent="0.25">
      <c r="A248" s="12" t="s">
        <v>1300</v>
      </c>
      <c r="B248" s="52" t="s">
        <v>409</v>
      </c>
      <c r="C248" s="45"/>
      <c r="D248" s="12"/>
      <c r="E248" s="12"/>
      <c r="F248" s="15">
        <v>35853</v>
      </c>
      <c r="G248" s="14"/>
      <c r="I248" s="4"/>
      <c r="J248" s="4"/>
      <c r="K248" s="4"/>
      <c r="L248" s="4"/>
    </row>
    <row r="249" spans="1:12" ht="14.25" customHeight="1" x14ac:dyDescent="0.25">
      <c r="A249" s="12" t="s">
        <v>374</v>
      </c>
      <c r="B249" s="52" t="s">
        <v>442</v>
      </c>
      <c r="C249" s="45"/>
      <c r="D249" s="12" t="s">
        <v>2779</v>
      </c>
      <c r="E249" s="12" t="s">
        <v>928</v>
      </c>
      <c r="F249" s="13">
        <v>35856</v>
      </c>
      <c r="G249" s="14" t="s">
        <v>929</v>
      </c>
      <c r="I249" s="4"/>
      <c r="J249" s="4"/>
      <c r="K249" s="4"/>
      <c r="L249" s="4"/>
    </row>
    <row r="250" spans="1:12" ht="14.25" customHeight="1" x14ac:dyDescent="0.25">
      <c r="A250" s="12" t="s">
        <v>189</v>
      </c>
      <c r="B250" s="52" t="s">
        <v>856</v>
      </c>
      <c r="C250" s="45"/>
      <c r="D250" s="12"/>
      <c r="E250" s="12"/>
      <c r="F250" s="13">
        <v>35860</v>
      </c>
      <c r="G250" s="14" t="s">
        <v>17</v>
      </c>
      <c r="I250" s="4"/>
      <c r="J250" s="4"/>
      <c r="K250" s="4"/>
      <c r="L250" s="4"/>
    </row>
    <row r="251" spans="1:12" ht="14.25" customHeight="1" x14ac:dyDescent="0.25">
      <c r="A251" s="12" t="s">
        <v>1748</v>
      </c>
      <c r="B251" s="52" t="s">
        <v>557</v>
      </c>
      <c r="C251" s="45"/>
      <c r="D251" s="12"/>
      <c r="E251" s="12"/>
      <c r="F251" s="15">
        <v>35871</v>
      </c>
      <c r="G251" s="14"/>
      <c r="I251" s="4"/>
      <c r="J251" s="4"/>
      <c r="K251" s="4"/>
      <c r="L251" s="4"/>
    </row>
    <row r="252" spans="1:12" ht="14.25" customHeight="1" x14ac:dyDescent="0.25">
      <c r="A252" s="12" t="s">
        <v>522</v>
      </c>
      <c r="B252" s="52" t="s">
        <v>266</v>
      </c>
      <c r="C252" s="45"/>
      <c r="D252" s="12"/>
      <c r="E252" s="12"/>
      <c r="F252" s="13">
        <v>35872</v>
      </c>
      <c r="G252" s="14" t="s">
        <v>488</v>
      </c>
      <c r="I252" s="4"/>
      <c r="J252" s="4"/>
      <c r="K252" s="4"/>
      <c r="L252" s="4"/>
    </row>
    <row r="253" spans="1:12" ht="14.25" customHeight="1" x14ac:dyDescent="0.25">
      <c r="A253" s="12" t="s">
        <v>1232</v>
      </c>
      <c r="B253" s="52" t="s">
        <v>978</v>
      </c>
      <c r="C253" s="45"/>
      <c r="D253" s="12"/>
      <c r="E253" s="12"/>
      <c r="F253" s="13">
        <v>35906</v>
      </c>
      <c r="G253" s="14" t="s">
        <v>757</v>
      </c>
      <c r="I253" s="4"/>
      <c r="J253" s="4"/>
      <c r="K253" s="4"/>
      <c r="L253" s="4"/>
    </row>
    <row r="254" spans="1:12" ht="14.25" customHeight="1" x14ac:dyDescent="0.25">
      <c r="A254" s="12" t="s">
        <v>1028</v>
      </c>
      <c r="B254" s="52" t="s">
        <v>1655</v>
      </c>
      <c r="C254" s="45"/>
      <c r="D254" s="12"/>
      <c r="E254" s="12"/>
      <c r="F254" s="15">
        <v>35923</v>
      </c>
      <c r="G254" s="14"/>
      <c r="I254" s="4"/>
      <c r="J254" s="4"/>
      <c r="K254" s="4"/>
      <c r="L254" s="4"/>
    </row>
    <row r="255" spans="1:12" ht="14.25" customHeight="1" x14ac:dyDescent="0.25">
      <c r="A255" s="12" t="s">
        <v>101</v>
      </c>
      <c r="B255" s="52" t="s">
        <v>144</v>
      </c>
      <c r="C255" s="45"/>
      <c r="D255" s="12"/>
      <c r="E255" s="12"/>
      <c r="F255" s="13">
        <v>35976</v>
      </c>
      <c r="G255" s="14" t="s">
        <v>149</v>
      </c>
      <c r="I255" s="4"/>
      <c r="J255" s="4"/>
      <c r="K255" s="4"/>
      <c r="L255" s="4"/>
    </row>
    <row r="256" spans="1:12" ht="14.25" customHeight="1" x14ac:dyDescent="0.25">
      <c r="A256" s="12" t="s">
        <v>482</v>
      </c>
      <c r="B256" s="52" t="s">
        <v>1237</v>
      </c>
      <c r="C256" s="45"/>
      <c r="D256" s="12"/>
      <c r="E256" s="12"/>
      <c r="F256" s="15">
        <v>35977</v>
      </c>
      <c r="G256" s="14" t="s">
        <v>1041</v>
      </c>
      <c r="I256" s="4"/>
      <c r="J256" s="4"/>
      <c r="K256" s="4"/>
      <c r="L256" s="4"/>
    </row>
    <row r="257" spans="1:12" ht="14.25" customHeight="1" x14ac:dyDescent="0.25">
      <c r="A257" s="12" t="s">
        <v>613</v>
      </c>
      <c r="B257" s="52" t="s">
        <v>838</v>
      </c>
      <c r="C257" s="45"/>
      <c r="D257" s="12"/>
      <c r="E257" s="12"/>
      <c r="F257" s="16">
        <v>35983</v>
      </c>
      <c r="G257" s="14" t="s">
        <v>361</v>
      </c>
      <c r="I257" s="4"/>
      <c r="J257" s="4"/>
      <c r="K257" s="4"/>
      <c r="L257" s="4"/>
    </row>
    <row r="258" spans="1:12" ht="14.25" customHeight="1" x14ac:dyDescent="0.25">
      <c r="A258" s="12" t="s">
        <v>1747</v>
      </c>
      <c r="B258" s="52" t="s">
        <v>983</v>
      </c>
      <c r="C258" s="45"/>
      <c r="D258" s="12"/>
      <c r="E258" s="12"/>
      <c r="F258" s="15">
        <v>36060</v>
      </c>
      <c r="G258" s="14">
        <v>8562</v>
      </c>
      <c r="I258" s="4"/>
      <c r="J258" s="4"/>
      <c r="K258" s="4"/>
      <c r="L258" s="4"/>
    </row>
    <row r="259" spans="1:12" ht="14.25" customHeight="1" x14ac:dyDescent="0.25">
      <c r="A259" s="12" t="s">
        <v>813</v>
      </c>
      <c r="B259" s="52" t="s">
        <v>117</v>
      </c>
      <c r="C259" s="45"/>
      <c r="D259" s="12" t="s">
        <v>2306</v>
      </c>
      <c r="E259" s="12" t="s">
        <v>810</v>
      </c>
      <c r="F259" s="13">
        <v>36083</v>
      </c>
      <c r="G259" s="14" t="s">
        <v>698</v>
      </c>
      <c r="I259" s="4"/>
      <c r="J259" s="4"/>
      <c r="K259" s="4"/>
      <c r="L259" s="4"/>
    </row>
    <row r="260" spans="1:12" ht="14.25" customHeight="1" x14ac:dyDescent="0.25">
      <c r="A260" s="12" t="s">
        <v>1896</v>
      </c>
      <c r="B260" s="52" t="s">
        <v>1545</v>
      </c>
      <c r="C260" s="45"/>
      <c r="D260" s="12" t="s">
        <v>2475</v>
      </c>
      <c r="E260" s="12" t="s">
        <v>136</v>
      </c>
      <c r="F260" s="15">
        <v>36096</v>
      </c>
      <c r="G260" s="14" t="s">
        <v>1546</v>
      </c>
      <c r="I260" s="4"/>
      <c r="J260" s="4"/>
      <c r="K260" s="4"/>
      <c r="L260" s="4"/>
    </row>
    <row r="261" spans="1:12" ht="14.25" customHeight="1" x14ac:dyDescent="0.25">
      <c r="A261" s="12" t="s">
        <v>439</v>
      </c>
      <c r="B261" s="52" t="s">
        <v>650</v>
      </c>
      <c r="C261" s="45"/>
      <c r="D261" s="12"/>
      <c r="E261" s="12"/>
      <c r="F261" s="13">
        <v>36102</v>
      </c>
      <c r="G261" s="14" t="s">
        <v>651</v>
      </c>
      <c r="I261" s="4"/>
      <c r="J261" s="4"/>
      <c r="K261" s="4"/>
      <c r="L261" s="4"/>
    </row>
    <row r="262" spans="1:12" ht="14.25" customHeight="1" x14ac:dyDescent="0.25">
      <c r="A262" s="12" t="s">
        <v>1532</v>
      </c>
      <c r="B262" s="52" t="s">
        <v>934</v>
      </c>
      <c r="C262" s="45"/>
      <c r="D262" s="12"/>
      <c r="E262" s="12"/>
      <c r="F262" s="16">
        <v>36154</v>
      </c>
      <c r="G262" s="14" t="s">
        <v>1533</v>
      </c>
      <c r="I262" s="4"/>
      <c r="J262" s="4"/>
      <c r="K262" s="4"/>
      <c r="L262" s="4"/>
    </row>
    <row r="263" spans="1:12" ht="14.25" customHeight="1" x14ac:dyDescent="0.25">
      <c r="A263" s="12" t="s">
        <v>140</v>
      </c>
      <c r="B263" s="52" t="s">
        <v>182</v>
      </c>
      <c r="C263" s="45"/>
      <c r="D263" s="12"/>
      <c r="E263" s="12"/>
      <c r="F263" s="13">
        <v>36179</v>
      </c>
      <c r="G263" s="14" t="s">
        <v>1050</v>
      </c>
      <c r="I263" s="4"/>
      <c r="J263" s="4"/>
      <c r="K263" s="4"/>
      <c r="L263" s="4"/>
    </row>
    <row r="264" spans="1:12" ht="14.25" customHeight="1" x14ac:dyDescent="0.25">
      <c r="A264" s="12" t="s">
        <v>1060</v>
      </c>
      <c r="B264" s="52" t="s">
        <v>380</v>
      </c>
      <c r="C264" s="45"/>
      <c r="D264" s="12"/>
      <c r="E264" s="12"/>
      <c r="F264" s="16">
        <v>36232</v>
      </c>
      <c r="G264" s="14" t="s">
        <v>1063</v>
      </c>
      <c r="I264" s="4"/>
      <c r="J264" s="4"/>
      <c r="K264" s="4"/>
      <c r="L264" s="4"/>
    </row>
    <row r="265" spans="1:12" ht="14.25" customHeight="1" x14ac:dyDescent="0.25">
      <c r="A265" s="12" t="s">
        <v>211</v>
      </c>
      <c r="B265" s="52" t="s">
        <v>212</v>
      </c>
      <c r="C265" s="45"/>
      <c r="D265" s="12"/>
      <c r="E265" s="12"/>
      <c r="F265" s="13">
        <v>36242</v>
      </c>
      <c r="G265" s="14" t="s">
        <v>219</v>
      </c>
      <c r="I265" s="4"/>
      <c r="J265" s="4"/>
      <c r="K265" s="4"/>
      <c r="L265" s="4"/>
    </row>
    <row r="266" spans="1:12" ht="14.25" customHeight="1" x14ac:dyDescent="0.25">
      <c r="A266" s="12" t="s">
        <v>1417</v>
      </c>
      <c r="B266" s="52" t="s">
        <v>1053</v>
      </c>
      <c r="C266" s="45"/>
      <c r="D266" s="12"/>
      <c r="E266" s="12"/>
      <c r="F266" s="16">
        <v>36269</v>
      </c>
      <c r="G266" s="14" t="s">
        <v>1418</v>
      </c>
      <c r="I266" s="4"/>
      <c r="J266" s="4"/>
      <c r="K266" s="4"/>
      <c r="L266" s="4"/>
    </row>
    <row r="267" spans="1:12" ht="14.25" customHeight="1" x14ac:dyDescent="0.25">
      <c r="A267" s="12" t="s">
        <v>187</v>
      </c>
      <c r="B267" s="52" t="s">
        <v>689</v>
      </c>
      <c r="C267" s="45"/>
      <c r="D267" s="12"/>
      <c r="E267" s="12"/>
      <c r="F267" s="13">
        <v>36280</v>
      </c>
      <c r="G267" s="14" t="s">
        <v>10</v>
      </c>
      <c r="I267" s="4"/>
      <c r="J267" s="4"/>
      <c r="K267" s="4"/>
      <c r="L267" s="4"/>
    </row>
    <row r="268" spans="1:12" ht="14.25" customHeight="1" x14ac:dyDescent="0.25">
      <c r="A268" s="12" t="s">
        <v>1330</v>
      </c>
      <c r="B268" s="52" t="s">
        <v>1653</v>
      </c>
      <c r="C268" s="45"/>
      <c r="D268" s="12"/>
      <c r="E268" s="12"/>
      <c r="F268" s="15">
        <v>36293</v>
      </c>
      <c r="G268" s="14"/>
      <c r="I268" s="4"/>
      <c r="J268" s="4"/>
      <c r="K268" s="4"/>
      <c r="L268" s="4"/>
    </row>
    <row r="269" spans="1:12" ht="14.25" customHeight="1" x14ac:dyDescent="0.25">
      <c r="A269" s="12" t="s">
        <v>36</v>
      </c>
      <c r="B269" s="52" t="s">
        <v>3029</v>
      </c>
      <c r="C269" s="45" t="s">
        <v>3030</v>
      </c>
      <c r="D269" s="12" t="s">
        <v>2781</v>
      </c>
      <c r="E269" s="12" t="s">
        <v>185</v>
      </c>
      <c r="F269" s="15">
        <v>36350</v>
      </c>
      <c r="G269" s="14" t="s">
        <v>75</v>
      </c>
      <c r="I269" s="4"/>
      <c r="J269" s="4"/>
      <c r="K269" s="4"/>
      <c r="L269" s="4"/>
    </row>
    <row r="270" spans="1:12" ht="14.25" customHeight="1" x14ac:dyDescent="0.25">
      <c r="A270" s="12" t="s">
        <v>323</v>
      </c>
      <c r="B270" s="52" t="s">
        <v>86</v>
      </c>
      <c r="C270" s="45"/>
      <c r="D270" s="12" t="s">
        <v>2782</v>
      </c>
      <c r="E270" s="12" t="s">
        <v>585</v>
      </c>
      <c r="F270" s="16">
        <v>36377</v>
      </c>
      <c r="G270" s="14" t="s">
        <v>428</v>
      </c>
      <c r="I270" s="4"/>
      <c r="J270" s="4"/>
      <c r="K270" s="4"/>
      <c r="L270" s="4"/>
    </row>
    <row r="271" spans="1:12" ht="14.25" customHeight="1" x14ac:dyDescent="0.25">
      <c r="A271" s="12" t="s">
        <v>381</v>
      </c>
      <c r="B271" s="52" t="s">
        <v>634</v>
      </c>
      <c r="C271" s="45"/>
      <c r="D271" s="12"/>
      <c r="E271" s="12"/>
      <c r="F271" s="13">
        <v>36465</v>
      </c>
      <c r="G271" s="14" t="s">
        <v>235</v>
      </c>
      <c r="I271" s="4"/>
      <c r="J271" s="4"/>
      <c r="K271" s="4"/>
      <c r="L271" s="4"/>
    </row>
    <row r="272" spans="1:12" ht="14.25" customHeight="1" x14ac:dyDescent="0.25">
      <c r="A272" s="12" t="s">
        <v>930</v>
      </c>
      <c r="B272" s="52" t="s">
        <v>1688</v>
      </c>
      <c r="C272" s="45"/>
      <c r="D272" s="12"/>
      <c r="E272" s="12"/>
      <c r="F272" s="15">
        <v>36567</v>
      </c>
      <c r="G272" s="14"/>
      <c r="I272" s="4"/>
      <c r="J272" s="4"/>
      <c r="K272" s="4"/>
      <c r="L272" s="4"/>
    </row>
    <row r="273" spans="1:12" ht="14.25" customHeight="1" x14ac:dyDescent="0.25">
      <c r="A273" s="12" t="s">
        <v>1014</v>
      </c>
      <c r="B273" s="52" t="s">
        <v>1437</v>
      </c>
      <c r="C273" s="45"/>
      <c r="D273" s="12"/>
      <c r="E273" s="12"/>
      <c r="F273" s="13">
        <v>36574</v>
      </c>
      <c r="G273" s="14" t="s">
        <v>1438</v>
      </c>
      <c r="I273" s="4"/>
      <c r="J273" s="4"/>
      <c r="K273" s="4"/>
      <c r="L273" s="4"/>
    </row>
    <row r="274" spans="1:12" ht="14.25" customHeight="1" x14ac:dyDescent="0.25">
      <c r="A274" s="12" t="s">
        <v>1443</v>
      </c>
      <c r="B274" s="52" t="s">
        <v>1444</v>
      </c>
      <c r="C274" s="45"/>
      <c r="D274" s="12"/>
      <c r="E274" s="12"/>
      <c r="F274" s="15">
        <v>36579</v>
      </c>
      <c r="G274" s="14" t="s">
        <v>367</v>
      </c>
      <c r="I274" s="4"/>
      <c r="J274" s="4"/>
      <c r="K274" s="4"/>
      <c r="L274" s="4"/>
    </row>
    <row r="275" spans="1:12" ht="14.25" customHeight="1" x14ac:dyDescent="0.25">
      <c r="A275" s="12" t="s">
        <v>1447</v>
      </c>
      <c r="B275" s="52" t="s">
        <v>994</v>
      </c>
      <c r="C275" s="45"/>
      <c r="D275" s="12"/>
      <c r="E275" s="12"/>
      <c r="F275" s="13">
        <v>36609</v>
      </c>
      <c r="G275" s="14" t="s">
        <v>1448</v>
      </c>
      <c r="I275" s="4"/>
      <c r="J275" s="4"/>
      <c r="K275" s="4"/>
      <c r="L275" s="4"/>
    </row>
    <row r="276" spans="1:12" ht="14.25" customHeight="1" x14ac:dyDescent="0.25">
      <c r="A276" s="12" t="s">
        <v>1441</v>
      </c>
      <c r="B276" s="52" t="s">
        <v>1442</v>
      </c>
      <c r="C276" s="45"/>
      <c r="D276" s="12"/>
      <c r="E276" s="12"/>
      <c r="F276" s="13">
        <v>40321</v>
      </c>
      <c r="G276" s="14" t="s">
        <v>1169</v>
      </c>
      <c r="I276" s="4"/>
      <c r="J276" s="4"/>
      <c r="K276" s="4"/>
      <c r="L276" s="4"/>
    </row>
    <row r="277" spans="1:12" ht="14.25" customHeight="1" x14ac:dyDescent="0.25">
      <c r="A277" s="12" t="s">
        <v>521</v>
      </c>
      <c r="B277" s="52" t="s">
        <v>539</v>
      </c>
      <c r="C277" s="45"/>
      <c r="D277" s="12"/>
      <c r="E277" s="12"/>
      <c r="F277" s="13">
        <v>36672</v>
      </c>
      <c r="G277" s="14" t="s">
        <v>662</v>
      </c>
      <c r="I277" s="4"/>
      <c r="J277" s="4"/>
      <c r="K277" s="4"/>
      <c r="L277" s="4"/>
    </row>
    <row r="278" spans="1:12" ht="14.25" customHeight="1" x14ac:dyDescent="0.25">
      <c r="A278" s="12" t="s">
        <v>1424</v>
      </c>
      <c r="B278" s="52" t="s">
        <v>1425</v>
      </c>
      <c r="C278" s="45"/>
      <c r="D278" s="12"/>
      <c r="E278" s="12"/>
      <c r="F278" s="16">
        <v>36706</v>
      </c>
      <c r="G278" s="14" t="s">
        <v>1109</v>
      </c>
      <c r="I278" s="4"/>
      <c r="J278" s="4"/>
      <c r="K278" s="4"/>
      <c r="L278" s="4"/>
    </row>
    <row r="279" spans="1:12" ht="14.25" customHeight="1" x14ac:dyDescent="0.25">
      <c r="A279" s="12" t="s">
        <v>57</v>
      </c>
      <c r="B279" s="52" t="s">
        <v>159</v>
      </c>
      <c r="C279" s="45"/>
      <c r="D279" s="12"/>
      <c r="E279" s="12"/>
      <c r="F279" s="13">
        <v>36713</v>
      </c>
      <c r="G279" s="14" t="s">
        <v>163</v>
      </c>
      <c r="I279" s="4"/>
      <c r="J279" s="4"/>
      <c r="K279" s="4"/>
      <c r="L279" s="4"/>
    </row>
    <row r="280" spans="1:12" ht="14.25" customHeight="1" x14ac:dyDescent="0.25">
      <c r="A280" s="12" t="s">
        <v>486</v>
      </c>
      <c r="B280" s="52" t="s">
        <v>1229</v>
      </c>
      <c r="C280" s="45"/>
      <c r="D280" s="12" t="s">
        <v>2783</v>
      </c>
      <c r="E280" s="12" t="s">
        <v>1229</v>
      </c>
      <c r="F280" s="13">
        <v>36720</v>
      </c>
      <c r="G280" s="14" t="s">
        <v>1230</v>
      </c>
      <c r="I280" s="4"/>
      <c r="J280" s="4"/>
      <c r="K280" s="4"/>
      <c r="L280" s="4"/>
    </row>
    <row r="281" spans="1:12" ht="14.25" customHeight="1" x14ac:dyDescent="0.25">
      <c r="A281" s="12" t="s">
        <v>206</v>
      </c>
      <c r="B281" s="52" t="s">
        <v>201</v>
      </c>
      <c r="C281" s="45"/>
      <c r="D281" s="12" t="s">
        <v>2046</v>
      </c>
      <c r="E281" s="12" t="s">
        <v>67</v>
      </c>
      <c r="F281" s="13">
        <v>36724</v>
      </c>
      <c r="G281" s="14" t="s">
        <v>210</v>
      </c>
      <c r="I281" s="4"/>
      <c r="J281" s="4"/>
      <c r="K281" s="4"/>
      <c r="L281" s="4"/>
    </row>
    <row r="282" spans="1:12" ht="14.25" customHeight="1" x14ac:dyDescent="0.25">
      <c r="A282" s="12" t="s">
        <v>316</v>
      </c>
      <c r="B282" s="52" t="s">
        <v>259</v>
      </c>
      <c r="C282" s="45"/>
      <c r="D282" s="12" t="s">
        <v>2046</v>
      </c>
      <c r="E282" s="12" t="s">
        <v>67</v>
      </c>
      <c r="F282" s="13">
        <v>36724</v>
      </c>
      <c r="G282" s="14" t="s">
        <v>200</v>
      </c>
      <c r="I282" s="4"/>
      <c r="J282" s="4"/>
      <c r="K282" s="4"/>
      <c r="L282" s="4"/>
    </row>
    <row r="283" spans="1:12" ht="14.25" customHeight="1" x14ac:dyDescent="0.25">
      <c r="A283" s="12" t="s">
        <v>93</v>
      </c>
      <c r="B283" s="52" t="s">
        <v>717</v>
      </c>
      <c r="C283" s="45"/>
      <c r="D283" s="12"/>
      <c r="E283" s="12"/>
      <c r="F283" s="13">
        <v>36741</v>
      </c>
      <c r="G283" s="14" t="s">
        <v>720</v>
      </c>
      <c r="I283" s="4"/>
      <c r="J283" s="4"/>
      <c r="K283" s="4"/>
      <c r="L283" s="4"/>
    </row>
    <row r="284" spans="1:12" ht="14.25" customHeight="1" x14ac:dyDescent="0.25">
      <c r="A284" s="12" t="s">
        <v>1260</v>
      </c>
      <c r="B284" s="52" t="s">
        <v>1648</v>
      </c>
      <c r="C284" s="45"/>
      <c r="D284" s="12"/>
      <c r="E284" s="12"/>
      <c r="F284" s="15">
        <v>36770</v>
      </c>
      <c r="G284" s="14"/>
      <c r="I284" s="4"/>
      <c r="J284" s="4"/>
      <c r="K284" s="4"/>
      <c r="L284" s="4"/>
    </row>
    <row r="285" spans="1:12" ht="14.25" customHeight="1" x14ac:dyDescent="0.25">
      <c r="A285" s="12" t="s">
        <v>47</v>
      </c>
      <c r="B285" s="52" t="s">
        <v>310</v>
      </c>
      <c r="C285" s="45"/>
      <c r="D285" s="12"/>
      <c r="E285" s="12"/>
      <c r="F285" s="16">
        <v>36797</v>
      </c>
      <c r="G285" s="14" t="s">
        <v>312</v>
      </c>
      <c r="I285" s="4"/>
      <c r="J285" s="4"/>
      <c r="K285" s="4"/>
      <c r="L285" s="4"/>
    </row>
    <row r="286" spans="1:12" ht="14.25" customHeight="1" x14ac:dyDescent="0.25">
      <c r="A286" s="12" t="s">
        <v>1439</v>
      </c>
      <c r="B286" s="52" t="s">
        <v>1440</v>
      </c>
      <c r="C286" s="45"/>
      <c r="D286" s="12"/>
      <c r="E286" s="12"/>
      <c r="F286" s="16">
        <v>36837</v>
      </c>
      <c r="G286" s="14" t="s">
        <v>271</v>
      </c>
      <c r="I286" s="4"/>
      <c r="J286" s="4"/>
      <c r="K286" s="4"/>
      <c r="L286" s="4"/>
    </row>
    <row r="287" spans="1:12" ht="14.25" customHeight="1" x14ac:dyDescent="0.25">
      <c r="A287" s="12" t="s">
        <v>203</v>
      </c>
      <c r="B287" s="52" t="s">
        <v>318</v>
      </c>
      <c r="C287" s="45"/>
      <c r="D287" s="12"/>
      <c r="E287" s="12"/>
      <c r="F287" s="13">
        <v>36859</v>
      </c>
      <c r="G287" s="14" t="s">
        <v>389</v>
      </c>
      <c r="I287" s="4"/>
      <c r="J287" s="4"/>
      <c r="K287" s="4"/>
      <c r="L287" s="4"/>
    </row>
    <row r="288" spans="1:12" ht="14.25" customHeight="1" x14ac:dyDescent="0.25">
      <c r="A288" s="12" t="s">
        <v>646</v>
      </c>
      <c r="B288" s="52" t="s">
        <v>353</v>
      </c>
      <c r="C288" s="45"/>
      <c r="D288" s="12" t="s">
        <v>1693</v>
      </c>
      <c r="E288" s="12" t="s">
        <v>324</v>
      </c>
      <c r="F288" s="15">
        <v>36950</v>
      </c>
      <c r="G288" s="14">
        <v>8032</v>
      </c>
      <c r="I288" s="4"/>
      <c r="J288" s="4"/>
      <c r="K288" s="4"/>
      <c r="L288" s="4"/>
    </row>
    <row r="289" spans="1:12" ht="14.25" customHeight="1" x14ac:dyDescent="0.25">
      <c r="A289" s="12" t="s">
        <v>1508</v>
      </c>
      <c r="B289" s="52" t="s">
        <v>198</v>
      </c>
      <c r="C289" s="45"/>
      <c r="D289" s="12"/>
      <c r="E289" s="12"/>
      <c r="F289" s="13">
        <v>37077</v>
      </c>
      <c r="G289" s="14" t="s">
        <v>1509</v>
      </c>
      <c r="I289" s="4"/>
      <c r="J289" s="4"/>
      <c r="K289" s="4"/>
      <c r="L289" s="4"/>
    </row>
    <row r="290" spans="1:12" ht="14.25" customHeight="1" x14ac:dyDescent="0.25">
      <c r="A290" s="12" t="s">
        <v>1251</v>
      </c>
      <c r="B290" s="52" t="s">
        <v>1252</v>
      </c>
      <c r="C290" s="45"/>
      <c r="D290" s="12" t="s">
        <v>1569</v>
      </c>
      <c r="E290" s="12" t="s">
        <v>1253</v>
      </c>
      <c r="F290" s="15">
        <v>37082</v>
      </c>
      <c r="G290" s="14" t="s">
        <v>1254</v>
      </c>
      <c r="I290" s="4"/>
      <c r="J290" s="4"/>
      <c r="K290" s="4"/>
      <c r="L290" s="4"/>
    </row>
    <row r="291" spans="1:12" ht="14.25" customHeight="1" x14ac:dyDescent="0.25">
      <c r="A291" s="12" t="s">
        <v>627</v>
      </c>
      <c r="B291" s="52" t="s">
        <v>628</v>
      </c>
      <c r="C291" s="45"/>
      <c r="D291" s="12"/>
      <c r="E291" s="12"/>
      <c r="F291" s="13">
        <v>37085</v>
      </c>
      <c r="G291" s="14" t="s">
        <v>61</v>
      </c>
      <c r="I291" s="4"/>
      <c r="J291" s="4"/>
      <c r="K291" s="4"/>
      <c r="L291" s="4"/>
    </row>
    <row r="292" spans="1:12" ht="14.25" customHeight="1" x14ac:dyDescent="0.25">
      <c r="A292" s="12" t="s">
        <v>1645</v>
      </c>
      <c r="B292" s="52" t="s">
        <v>1647</v>
      </c>
      <c r="C292" s="45"/>
      <c r="D292" s="12"/>
      <c r="E292" s="12"/>
      <c r="F292" s="15">
        <v>37104</v>
      </c>
      <c r="G292" s="14"/>
      <c r="I292" s="4"/>
      <c r="J292" s="4"/>
      <c r="K292" s="4"/>
      <c r="L292" s="4"/>
    </row>
    <row r="293" spans="1:12" ht="14.25" customHeight="1" x14ac:dyDescent="0.25">
      <c r="A293" s="12" t="s">
        <v>174</v>
      </c>
      <c r="B293" s="52" t="s">
        <v>171</v>
      </c>
      <c r="C293" s="45"/>
      <c r="D293" s="12"/>
      <c r="E293" s="12"/>
      <c r="F293" s="13">
        <v>37106</v>
      </c>
      <c r="G293" s="14" t="s">
        <v>181</v>
      </c>
      <c r="I293" s="4"/>
      <c r="J293" s="4"/>
      <c r="K293" s="4"/>
      <c r="L293" s="4"/>
    </row>
    <row r="294" spans="1:12" ht="14.25" customHeight="1" x14ac:dyDescent="0.25">
      <c r="A294" s="12" t="s">
        <v>1378</v>
      </c>
      <c r="B294" s="52" t="s">
        <v>1686</v>
      </c>
      <c r="C294" s="45"/>
      <c r="D294" s="12"/>
      <c r="E294" s="12"/>
      <c r="F294" s="15">
        <v>37165</v>
      </c>
      <c r="G294" s="14"/>
      <c r="I294" s="4"/>
      <c r="J294" s="4"/>
      <c r="K294" s="4"/>
      <c r="L294" s="4"/>
    </row>
    <row r="295" spans="1:12" ht="14.25" customHeight="1" x14ac:dyDescent="0.25">
      <c r="A295" s="12" t="s">
        <v>150</v>
      </c>
      <c r="B295" s="52" t="s">
        <v>1209</v>
      </c>
      <c r="C295" s="45"/>
      <c r="D295" s="12"/>
      <c r="E295" s="12"/>
      <c r="F295" s="15">
        <v>37216</v>
      </c>
      <c r="G295" s="14"/>
      <c r="I295" s="4"/>
      <c r="J295" s="4"/>
      <c r="K295" s="4"/>
      <c r="L295" s="4"/>
    </row>
    <row r="296" spans="1:12" ht="14.25" customHeight="1" x14ac:dyDescent="0.25">
      <c r="A296" s="12" t="s">
        <v>1510</v>
      </c>
      <c r="B296" s="52" t="s">
        <v>1149</v>
      </c>
      <c r="C296" s="45"/>
      <c r="D296" s="12"/>
      <c r="E296" s="12"/>
      <c r="F296" s="13">
        <v>37229</v>
      </c>
      <c r="G296" s="14" t="s">
        <v>518</v>
      </c>
      <c r="I296" s="4"/>
      <c r="J296" s="4"/>
      <c r="K296" s="4"/>
      <c r="L296" s="4"/>
    </row>
    <row r="297" spans="1:12" ht="14.25" customHeight="1" x14ac:dyDescent="0.25">
      <c r="A297" s="12" t="s">
        <v>420</v>
      </c>
      <c r="B297" s="52" t="s">
        <v>1383</v>
      </c>
      <c r="C297" s="45"/>
      <c r="D297" s="12"/>
      <c r="E297" s="12"/>
      <c r="F297" s="13">
        <v>37315</v>
      </c>
      <c r="G297" s="14" t="s">
        <v>1384</v>
      </c>
      <c r="I297" s="4"/>
      <c r="J297" s="4"/>
      <c r="K297" s="4"/>
      <c r="L297" s="4"/>
    </row>
    <row r="298" spans="1:12" ht="14.25" customHeight="1" x14ac:dyDescent="0.25">
      <c r="A298" s="12" t="s">
        <v>565</v>
      </c>
      <c r="B298" s="52" t="s">
        <v>649</v>
      </c>
      <c r="C298" s="45"/>
      <c r="D298" s="12"/>
      <c r="E298" s="12"/>
      <c r="F298" s="15">
        <v>37340</v>
      </c>
      <c r="G298" s="14"/>
      <c r="I298" s="4"/>
      <c r="J298" s="4"/>
      <c r="K298" s="4"/>
      <c r="L298" s="4"/>
    </row>
    <row r="299" spans="1:12" ht="14.25" customHeight="1" x14ac:dyDescent="0.25">
      <c r="A299" s="12" t="s">
        <v>680</v>
      </c>
      <c r="B299" s="52" t="s">
        <v>158</v>
      </c>
      <c r="C299" s="45"/>
      <c r="D299" s="12"/>
      <c r="E299" s="12"/>
      <c r="F299" s="15">
        <v>37341</v>
      </c>
      <c r="G299" s="14" t="s">
        <v>143</v>
      </c>
      <c r="I299" s="4"/>
      <c r="J299" s="4"/>
      <c r="K299" s="4"/>
      <c r="L299" s="4"/>
    </row>
    <row r="300" spans="1:12" ht="14.25" customHeight="1" x14ac:dyDescent="0.25">
      <c r="A300" s="12" t="s">
        <v>1279</v>
      </c>
      <c r="B300" s="52" t="s">
        <v>421</v>
      </c>
      <c r="C300" s="45"/>
      <c r="D300" s="12"/>
      <c r="E300" s="12"/>
      <c r="F300" s="13">
        <v>37438</v>
      </c>
      <c r="G300" s="14" t="s">
        <v>1062</v>
      </c>
      <c r="I300" s="4"/>
      <c r="J300" s="4"/>
      <c r="K300" s="4"/>
      <c r="L300" s="4"/>
    </row>
    <row r="301" spans="1:12" ht="14.25" customHeight="1" x14ac:dyDescent="0.25">
      <c r="A301" s="12" t="s">
        <v>1743</v>
      </c>
      <c r="B301" s="52" t="s">
        <v>1744</v>
      </c>
      <c r="C301" s="45"/>
      <c r="D301" s="12"/>
      <c r="E301" s="12"/>
      <c r="F301" s="15">
        <v>37351</v>
      </c>
      <c r="G301" s="14"/>
      <c r="I301" s="4"/>
      <c r="J301" s="4"/>
      <c r="K301" s="4"/>
      <c r="L301" s="4"/>
    </row>
    <row r="302" spans="1:12" ht="14.25" customHeight="1" x14ac:dyDescent="0.25">
      <c r="A302" s="12" t="s">
        <v>1374</v>
      </c>
      <c r="B302" s="52" t="s">
        <v>1685</v>
      </c>
      <c r="C302" s="45"/>
      <c r="D302" s="12"/>
      <c r="E302" s="12"/>
      <c r="F302" s="15">
        <v>37372</v>
      </c>
      <c r="G302" s="14"/>
      <c r="I302" s="4"/>
      <c r="J302" s="4"/>
      <c r="K302" s="4"/>
      <c r="L302" s="4"/>
    </row>
    <row r="303" spans="1:12" ht="14.25" customHeight="1" x14ac:dyDescent="0.25">
      <c r="A303" s="12" t="s">
        <v>1305</v>
      </c>
      <c r="B303" s="52" t="s">
        <v>1307</v>
      </c>
      <c r="C303" s="45"/>
      <c r="D303" s="12"/>
      <c r="E303" s="12"/>
      <c r="F303" s="13">
        <v>37396</v>
      </c>
      <c r="G303" s="14" t="s">
        <v>1250</v>
      </c>
      <c r="I303" s="4"/>
      <c r="J303" s="4"/>
      <c r="K303" s="4"/>
      <c r="L303" s="4"/>
    </row>
    <row r="304" spans="1:12" ht="14.25" customHeight="1" x14ac:dyDescent="0.25">
      <c r="A304" s="12" t="s">
        <v>1403</v>
      </c>
      <c r="B304" s="52" t="s">
        <v>1107</v>
      </c>
      <c r="C304" s="45" t="s">
        <v>106</v>
      </c>
      <c r="D304" s="12"/>
      <c r="E304" s="12"/>
      <c r="F304" s="13">
        <v>37471</v>
      </c>
      <c r="G304" s="14" t="s">
        <v>417</v>
      </c>
      <c r="I304" s="4"/>
      <c r="J304" s="4"/>
      <c r="K304" s="4"/>
      <c r="L304" s="4"/>
    </row>
    <row r="305" spans="1:12" ht="14.25" customHeight="1" x14ac:dyDescent="0.25">
      <c r="A305" s="12" t="s">
        <v>277</v>
      </c>
      <c r="B305" s="52" t="s">
        <v>276</v>
      </c>
      <c r="C305" s="45"/>
      <c r="D305" s="12"/>
      <c r="E305" s="12"/>
      <c r="F305" s="15">
        <v>37526</v>
      </c>
      <c r="G305" s="14" t="s">
        <v>245</v>
      </c>
      <c r="I305" s="4"/>
      <c r="J305" s="4"/>
      <c r="K305" s="4"/>
      <c r="L305" s="4"/>
    </row>
    <row r="306" spans="1:12" ht="14.25" customHeight="1" x14ac:dyDescent="0.25">
      <c r="A306" s="12" t="s">
        <v>638</v>
      </c>
      <c r="B306" s="52" t="s">
        <v>639</v>
      </c>
      <c r="C306" s="45"/>
      <c r="D306" s="12"/>
      <c r="E306" s="12"/>
      <c r="F306" s="13">
        <v>37540</v>
      </c>
      <c r="G306" s="14" t="s">
        <v>643</v>
      </c>
      <c r="I306" s="4"/>
      <c r="J306" s="4"/>
      <c r="K306" s="4"/>
      <c r="L306" s="4"/>
    </row>
    <row r="307" spans="1:12" ht="14.25" customHeight="1" x14ac:dyDescent="0.25">
      <c r="A307" s="12" t="s">
        <v>1126</v>
      </c>
      <c r="B307" s="52" t="s">
        <v>1211</v>
      </c>
      <c r="C307" s="45"/>
      <c r="D307" s="12"/>
      <c r="E307" s="12"/>
      <c r="F307" s="13">
        <v>37566</v>
      </c>
      <c r="G307" s="14" t="s">
        <v>1402</v>
      </c>
      <c r="I307" s="4"/>
      <c r="J307" s="4"/>
      <c r="K307" s="4"/>
      <c r="L307" s="4"/>
    </row>
    <row r="308" spans="1:12" ht="14.25" customHeight="1" x14ac:dyDescent="0.25">
      <c r="A308" s="12" t="s">
        <v>1111</v>
      </c>
      <c r="B308" s="52" t="s">
        <v>1003</v>
      </c>
      <c r="C308" s="45"/>
      <c r="D308" s="12"/>
      <c r="E308" s="12"/>
      <c r="F308" s="15">
        <v>37589</v>
      </c>
      <c r="G308" s="14" t="s">
        <v>1007</v>
      </c>
      <c r="I308" s="4"/>
      <c r="J308" s="4"/>
      <c r="K308" s="4"/>
      <c r="L308" s="4"/>
    </row>
    <row r="309" spans="1:12" ht="14.25" customHeight="1" x14ac:dyDescent="0.25">
      <c r="A309" s="12" t="s">
        <v>1198</v>
      </c>
      <c r="B309" s="52" t="s">
        <v>1199</v>
      </c>
      <c r="C309" s="45"/>
      <c r="D309" s="12"/>
      <c r="E309" s="12"/>
      <c r="F309" s="16">
        <v>37671</v>
      </c>
      <c r="G309" s="14" t="s">
        <v>699</v>
      </c>
      <c r="I309" s="4"/>
      <c r="J309" s="4"/>
      <c r="K309" s="4"/>
      <c r="L309" s="4"/>
    </row>
    <row r="310" spans="1:12" ht="14.25" customHeight="1" x14ac:dyDescent="0.25">
      <c r="A310" s="12" t="s">
        <v>313</v>
      </c>
      <c r="B310" s="52" t="s">
        <v>297</v>
      </c>
      <c r="C310" s="45"/>
      <c r="D310" s="12"/>
      <c r="E310" s="12"/>
      <c r="F310" s="16">
        <v>37699</v>
      </c>
      <c r="G310" s="14" t="s">
        <v>1334</v>
      </c>
      <c r="I310" s="4"/>
      <c r="J310" s="4"/>
      <c r="K310" s="4"/>
      <c r="L310" s="4"/>
    </row>
    <row r="311" spans="1:12" ht="14.25" customHeight="1" x14ac:dyDescent="0.25">
      <c r="A311" s="12" t="s">
        <v>772</v>
      </c>
      <c r="B311" s="52" t="s">
        <v>883</v>
      </c>
      <c r="C311" s="45" t="s">
        <v>884</v>
      </c>
      <c r="D311" s="12"/>
      <c r="E311" s="12"/>
      <c r="F311" s="15">
        <v>37715</v>
      </c>
      <c r="G311" s="14" t="s">
        <v>721</v>
      </c>
      <c r="I311" s="4"/>
      <c r="J311" s="4"/>
      <c r="K311" s="4"/>
      <c r="L311" s="4"/>
    </row>
    <row r="312" spans="1:12" ht="14.25" customHeight="1" x14ac:dyDescent="0.25">
      <c r="A312" s="12" t="s">
        <v>1054</v>
      </c>
      <c r="B312" s="52" t="s">
        <v>77</v>
      </c>
      <c r="C312" s="45"/>
      <c r="D312" s="12"/>
      <c r="E312" s="12"/>
      <c r="F312" s="13">
        <v>37761</v>
      </c>
      <c r="G312" s="14" t="s">
        <v>1057</v>
      </c>
      <c r="I312" s="4"/>
      <c r="J312" s="4"/>
      <c r="K312" s="4"/>
      <c r="L312" s="4"/>
    </row>
    <row r="313" spans="1:12" ht="14.25" customHeight="1" x14ac:dyDescent="0.25">
      <c r="A313" s="12" t="s">
        <v>733</v>
      </c>
      <c r="B313" s="52" t="s">
        <v>194</v>
      </c>
      <c r="C313" s="45"/>
      <c r="D313" s="12"/>
      <c r="E313" s="12"/>
      <c r="F313" s="13">
        <v>37751</v>
      </c>
      <c r="G313" s="14" t="s">
        <v>737</v>
      </c>
      <c r="I313" s="4"/>
      <c r="J313" s="4"/>
      <c r="K313" s="4"/>
      <c r="L313" s="4"/>
    </row>
    <row r="314" spans="1:12" ht="14.25" customHeight="1" x14ac:dyDescent="0.25">
      <c r="A314" s="12" t="s">
        <v>1044</v>
      </c>
      <c r="B314" s="52" t="s">
        <v>1045</v>
      </c>
      <c r="C314" s="45"/>
      <c r="D314" s="12"/>
      <c r="E314" s="12"/>
      <c r="F314" s="13">
        <v>41422</v>
      </c>
      <c r="G314" s="14" t="s">
        <v>21</v>
      </c>
      <c r="I314" s="4"/>
      <c r="J314" s="4"/>
      <c r="K314" s="4"/>
      <c r="L314" s="4"/>
    </row>
    <row r="315" spans="1:12" ht="14.25" customHeight="1" x14ac:dyDescent="0.25">
      <c r="A315" s="12" t="s">
        <v>1732</v>
      </c>
      <c r="B315" s="52" t="s">
        <v>1015</v>
      </c>
      <c r="C315" s="45"/>
      <c r="D315" s="12"/>
      <c r="E315" s="12"/>
      <c r="F315" s="15">
        <v>37807</v>
      </c>
      <c r="G315" s="14">
        <v>8301</v>
      </c>
      <c r="I315" s="4"/>
      <c r="J315" s="4"/>
      <c r="K315" s="4"/>
      <c r="L315" s="4"/>
    </row>
    <row r="316" spans="1:12" ht="14.25" customHeight="1" x14ac:dyDescent="0.25">
      <c r="A316" s="12" t="s">
        <v>755</v>
      </c>
      <c r="B316" s="52" t="s">
        <v>1092</v>
      </c>
      <c r="C316" s="45"/>
      <c r="D316" s="12"/>
      <c r="E316" s="12"/>
      <c r="F316" s="13">
        <v>37870</v>
      </c>
      <c r="G316" s="14" t="s">
        <v>1094</v>
      </c>
      <c r="I316" s="4"/>
      <c r="J316" s="4"/>
      <c r="K316" s="4"/>
      <c r="L316" s="4"/>
    </row>
    <row r="317" spans="1:12" ht="14.25" customHeight="1" x14ac:dyDescent="0.25">
      <c r="A317" s="12" t="s">
        <v>575</v>
      </c>
      <c r="B317" s="52" t="s">
        <v>665</v>
      </c>
      <c r="C317" s="45"/>
      <c r="D317" s="12"/>
      <c r="E317" s="12"/>
      <c r="F317" s="13">
        <v>37924</v>
      </c>
      <c r="G317" s="14" t="s">
        <v>667</v>
      </c>
      <c r="I317" s="4"/>
      <c r="J317" s="4"/>
      <c r="K317" s="4"/>
      <c r="L317" s="4"/>
    </row>
    <row r="318" spans="1:12" ht="14.25" customHeight="1" x14ac:dyDescent="0.25">
      <c r="A318" s="12" t="s">
        <v>170</v>
      </c>
      <c r="B318" s="52" t="s">
        <v>1099</v>
      </c>
      <c r="C318" s="45"/>
      <c r="D318" s="12"/>
      <c r="E318" s="12"/>
      <c r="F318" s="15">
        <v>37947</v>
      </c>
      <c r="G318" s="14">
        <v>8501</v>
      </c>
      <c r="I318" s="4"/>
      <c r="J318" s="4"/>
      <c r="K318" s="4"/>
      <c r="L318" s="4"/>
    </row>
    <row r="319" spans="1:12" ht="14.25" customHeight="1" x14ac:dyDescent="0.25">
      <c r="A319" s="12" t="s">
        <v>1000</v>
      </c>
      <c r="B319" s="52" t="s">
        <v>587</v>
      </c>
      <c r="C319" s="45"/>
      <c r="D319" s="12"/>
      <c r="E319" s="12"/>
      <c r="F319" s="13">
        <v>37952</v>
      </c>
      <c r="G319" s="14" t="s">
        <v>129</v>
      </c>
      <c r="I319" s="4"/>
      <c r="J319" s="4"/>
      <c r="K319" s="4"/>
      <c r="L319" s="4"/>
    </row>
    <row r="320" spans="1:12" ht="14.25" customHeight="1" x14ac:dyDescent="0.25">
      <c r="A320" s="12" t="s">
        <v>90</v>
      </c>
      <c r="B320" s="52" t="s">
        <v>100</v>
      </c>
      <c r="C320" s="45"/>
      <c r="D320" s="12" t="s">
        <v>2797</v>
      </c>
      <c r="E320" s="12" t="s">
        <v>188</v>
      </c>
      <c r="F320" s="13">
        <v>37961</v>
      </c>
      <c r="G320" s="14" t="s">
        <v>196</v>
      </c>
      <c r="I320" s="4"/>
      <c r="J320" s="4"/>
      <c r="K320" s="4"/>
      <c r="L320" s="4"/>
    </row>
    <row r="321" spans="1:12" ht="14.25" customHeight="1" x14ac:dyDescent="0.25">
      <c r="A321" s="12" t="s">
        <v>1562</v>
      </c>
      <c r="B321" s="52" t="s">
        <v>1563</v>
      </c>
      <c r="C321" s="45"/>
      <c r="D321" s="12" t="s">
        <v>2798</v>
      </c>
      <c r="E321" s="12" t="s">
        <v>1565</v>
      </c>
      <c r="F321" s="15">
        <v>38023</v>
      </c>
      <c r="G321" s="14" t="s">
        <v>477</v>
      </c>
      <c r="I321" s="4"/>
      <c r="J321" s="4"/>
      <c r="K321" s="4"/>
      <c r="L321" s="4"/>
    </row>
    <row r="322" spans="1:12" ht="14.25" customHeight="1" x14ac:dyDescent="0.25">
      <c r="A322" s="12" t="s">
        <v>139</v>
      </c>
      <c r="B322" s="52" t="s">
        <v>1568</v>
      </c>
      <c r="C322" s="45"/>
      <c r="D322" s="12"/>
      <c r="E322" s="12"/>
      <c r="F322" s="15">
        <v>38042</v>
      </c>
      <c r="G322" s="14" t="s">
        <v>331</v>
      </c>
      <c r="I322" s="4"/>
      <c r="J322" s="4"/>
      <c r="K322" s="4"/>
      <c r="L322" s="4"/>
    </row>
    <row r="323" spans="1:12" ht="14.25" customHeight="1" x14ac:dyDescent="0.25">
      <c r="A323" s="12" t="s">
        <v>611</v>
      </c>
      <c r="B323" s="52" t="s">
        <v>431</v>
      </c>
      <c r="C323" s="45"/>
      <c r="D323" s="12"/>
      <c r="E323" s="12"/>
      <c r="F323" s="13">
        <v>38043</v>
      </c>
      <c r="G323" s="14" t="s">
        <v>218</v>
      </c>
      <c r="I323" s="4"/>
      <c r="J323" s="4"/>
      <c r="K323" s="4"/>
      <c r="L323" s="4"/>
    </row>
    <row r="324" spans="1:12" ht="14.25" customHeight="1" x14ac:dyDescent="0.25">
      <c r="A324" s="12" t="s">
        <v>1328</v>
      </c>
      <c r="B324" s="52" t="s">
        <v>1331</v>
      </c>
      <c r="C324" s="45"/>
      <c r="D324" s="12"/>
      <c r="E324" s="12"/>
      <c r="F324" s="15">
        <v>38044</v>
      </c>
      <c r="G324" s="14" t="s">
        <v>549</v>
      </c>
      <c r="I324" s="4"/>
      <c r="J324" s="4"/>
      <c r="K324" s="4"/>
      <c r="L324" s="4"/>
    </row>
    <row r="325" spans="1:12" ht="14.25" customHeight="1" x14ac:dyDescent="0.25">
      <c r="A325" s="12" t="s">
        <v>1485</v>
      </c>
      <c r="B325" s="52" t="s">
        <v>1093</v>
      </c>
      <c r="C325" s="45"/>
      <c r="D325" s="12"/>
      <c r="E325" s="12"/>
      <c r="F325" s="15">
        <v>38057</v>
      </c>
      <c r="G325" s="14">
        <v>8062</v>
      </c>
      <c r="I325" s="4"/>
      <c r="J325" s="4"/>
      <c r="K325" s="4"/>
      <c r="L325" s="4"/>
    </row>
    <row r="326" spans="1:12" ht="14.25" customHeight="1" x14ac:dyDescent="0.25">
      <c r="A326" s="12" t="s">
        <v>1023</v>
      </c>
      <c r="B326" s="52" t="s">
        <v>146</v>
      </c>
      <c r="C326" s="45"/>
      <c r="D326" s="12"/>
      <c r="E326" s="12"/>
      <c r="F326" s="15">
        <v>38064</v>
      </c>
      <c r="G326" s="14" t="s">
        <v>1572</v>
      </c>
      <c r="I326" s="4"/>
      <c r="J326" s="4"/>
      <c r="K326" s="4"/>
      <c r="L326" s="4"/>
    </row>
    <row r="327" spans="1:12" ht="14.25" customHeight="1" x14ac:dyDescent="0.25">
      <c r="A327" s="12" t="s">
        <v>678</v>
      </c>
      <c r="B327" s="52" t="s">
        <v>1575</v>
      </c>
      <c r="C327" s="45"/>
      <c r="D327" s="12"/>
      <c r="E327" s="12"/>
      <c r="F327" s="15">
        <v>38134</v>
      </c>
      <c r="G327" s="14" t="s">
        <v>1543</v>
      </c>
      <c r="I327" s="4"/>
      <c r="J327" s="4"/>
      <c r="K327" s="4"/>
      <c r="L327" s="4"/>
    </row>
    <row r="328" spans="1:12" ht="14.25" customHeight="1" x14ac:dyDescent="0.25">
      <c r="A328" s="12" t="s">
        <v>1577</v>
      </c>
      <c r="B328" s="52" t="s">
        <v>2694</v>
      </c>
      <c r="C328" s="45"/>
      <c r="D328" s="12" t="s">
        <v>2784</v>
      </c>
      <c r="E328" s="12" t="s">
        <v>2694</v>
      </c>
      <c r="F328" s="15">
        <v>38141</v>
      </c>
      <c r="G328" s="14" t="s">
        <v>836</v>
      </c>
      <c r="I328" s="4"/>
      <c r="J328" s="4"/>
      <c r="K328" s="4"/>
      <c r="L328" s="4"/>
    </row>
    <row r="329" spans="1:12" ht="14.25" customHeight="1" x14ac:dyDescent="0.25">
      <c r="A329" s="12" t="s">
        <v>505</v>
      </c>
      <c r="B329" s="52" t="s">
        <v>1729</v>
      </c>
      <c r="C329" s="45"/>
      <c r="D329" s="12"/>
      <c r="E329" s="12"/>
      <c r="F329" s="15">
        <v>38167</v>
      </c>
      <c r="G329" s="14"/>
      <c r="I329" s="4"/>
      <c r="J329" s="4"/>
      <c r="K329" s="4"/>
      <c r="L329" s="4"/>
    </row>
    <row r="330" spans="1:12" ht="14.25" customHeight="1" x14ac:dyDescent="0.25">
      <c r="A330" s="12" t="s">
        <v>552</v>
      </c>
      <c r="B330" s="52" t="s">
        <v>1586</v>
      </c>
      <c r="C330" s="45"/>
      <c r="D330" s="12"/>
      <c r="E330" s="12"/>
      <c r="F330" s="15">
        <v>38168</v>
      </c>
      <c r="G330" s="14" t="s">
        <v>926</v>
      </c>
      <c r="I330" s="4"/>
      <c r="J330" s="4"/>
      <c r="K330" s="4"/>
      <c r="L330" s="4"/>
    </row>
    <row r="331" spans="1:12" ht="14.25" customHeight="1" x14ac:dyDescent="0.25">
      <c r="A331" s="12" t="s">
        <v>1589</v>
      </c>
      <c r="B331" s="52" t="s">
        <v>340</v>
      </c>
      <c r="C331" s="45"/>
      <c r="D331" s="12"/>
      <c r="E331" s="12"/>
      <c r="F331" s="15">
        <v>38184</v>
      </c>
      <c r="G331" s="14" t="s">
        <v>467</v>
      </c>
      <c r="I331" s="4"/>
      <c r="J331" s="4"/>
      <c r="K331" s="4"/>
      <c r="L331" s="4"/>
    </row>
    <row r="332" spans="1:12" ht="14.25" customHeight="1" x14ac:dyDescent="0.25">
      <c r="A332" s="12" t="s">
        <v>260</v>
      </c>
      <c r="B332" s="52" t="s">
        <v>1593</v>
      </c>
      <c r="C332" s="45"/>
      <c r="D332" s="12" t="s">
        <v>1515</v>
      </c>
      <c r="E332" s="12" t="s">
        <v>1583</v>
      </c>
      <c r="F332" s="15">
        <v>38192</v>
      </c>
      <c r="G332" s="14" t="s">
        <v>1594</v>
      </c>
      <c r="I332" s="4"/>
      <c r="J332" s="4"/>
      <c r="K332" s="4"/>
      <c r="L332" s="4"/>
    </row>
    <row r="333" spans="1:12" ht="14.25" customHeight="1" x14ac:dyDescent="0.25">
      <c r="A333" s="12" t="s">
        <v>397</v>
      </c>
      <c r="B333" s="52" t="s">
        <v>1112</v>
      </c>
      <c r="C333" s="45"/>
      <c r="D333" s="12"/>
      <c r="E333" s="12"/>
      <c r="F333" s="15">
        <v>38198</v>
      </c>
      <c r="G333" s="14" t="s">
        <v>1595</v>
      </c>
      <c r="I333" s="4"/>
      <c r="J333" s="4"/>
      <c r="K333" s="4"/>
      <c r="L333" s="4"/>
    </row>
    <row r="334" spans="1:12" ht="14.25" customHeight="1" x14ac:dyDescent="0.25">
      <c r="A334" s="12" t="s">
        <v>1599</v>
      </c>
      <c r="B334" s="52" t="s">
        <v>1553</v>
      </c>
      <c r="C334" s="45"/>
      <c r="D334" s="12" t="s">
        <v>2475</v>
      </c>
      <c r="E334" s="12" t="s">
        <v>136</v>
      </c>
      <c r="F334" s="15">
        <v>38231</v>
      </c>
      <c r="G334" s="14" t="s">
        <v>1600</v>
      </c>
      <c r="I334" s="4"/>
      <c r="J334" s="4"/>
      <c r="K334" s="4"/>
      <c r="L334" s="4"/>
    </row>
    <row r="335" spans="1:12" ht="14.25" customHeight="1" x14ac:dyDescent="0.25">
      <c r="A335" s="12" t="s">
        <v>2655</v>
      </c>
      <c r="B335" s="52" t="s">
        <v>430</v>
      </c>
      <c r="C335" s="45"/>
      <c r="D335" s="12"/>
      <c r="E335" s="12"/>
      <c r="F335" s="15">
        <v>38239</v>
      </c>
      <c r="G335" s="14">
        <v>8379</v>
      </c>
      <c r="I335" s="4"/>
      <c r="J335" s="4"/>
      <c r="K335" s="4"/>
      <c r="L335" s="4"/>
    </row>
    <row r="336" spans="1:12" ht="14.25" customHeight="1" x14ac:dyDescent="0.25">
      <c r="A336" s="12" t="s">
        <v>1367</v>
      </c>
      <c r="B336" s="52" t="s">
        <v>1554</v>
      </c>
      <c r="C336" s="45"/>
      <c r="D336" s="12"/>
      <c r="E336" s="12"/>
      <c r="F336" s="15">
        <v>38245</v>
      </c>
      <c r="G336" s="14" t="s">
        <v>1608</v>
      </c>
      <c r="I336" s="4"/>
      <c r="J336" s="4"/>
      <c r="K336" s="4"/>
      <c r="L336" s="4"/>
    </row>
    <row r="337" spans="1:12" ht="14.25" customHeight="1" x14ac:dyDescent="0.25">
      <c r="A337" s="12" t="s">
        <v>540</v>
      </c>
      <c r="B337" s="52" t="s">
        <v>186</v>
      </c>
      <c r="C337" s="45"/>
      <c r="D337" s="12"/>
      <c r="E337" s="12"/>
      <c r="F337" s="15">
        <v>38247</v>
      </c>
      <c r="G337" s="14" t="s">
        <v>274</v>
      </c>
      <c r="I337" s="4"/>
      <c r="J337" s="4"/>
      <c r="K337" s="4"/>
      <c r="L337" s="4"/>
    </row>
    <row r="338" spans="1:12" ht="14.25" customHeight="1" x14ac:dyDescent="0.25">
      <c r="A338" s="12" t="s">
        <v>1609</v>
      </c>
      <c r="B338" s="52" t="s">
        <v>1610</v>
      </c>
      <c r="C338" s="45"/>
      <c r="D338" s="12"/>
      <c r="E338" s="12"/>
      <c r="F338" s="15">
        <v>38273</v>
      </c>
      <c r="G338" s="14" t="s">
        <v>1612</v>
      </c>
      <c r="I338" s="4"/>
      <c r="J338" s="4"/>
      <c r="K338" s="4"/>
      <c r="L338" s="4"/>
    </row>
    <row r="339" spans="1:12" ht="14.25" customHeight="1" x14ac:dyDescent="0.25">
      <c r="A339" s="12" t="s">
        <v>1984</v>
      </c>
      <c r="B339" s="52" t="s">
        <v>563</v>
      </c>
      <c r="C339" s="45"/>
      <c r="D339" s="12" t="s">
        <v>2799</v>
      </c>
      <c r="E339" s="12" t="s">
        <v>1790</v>
      </c>
      <c r="F339" s="15">
        <v>38275</v>
      </c>
      <c r="G339" s="14"/>
      <c r="I339" s="4"/>
      <c r="J339" s="4"/>
      <c r="K339" s="4"/>
      <c r="L339" s="4"/>
    </row>
    <row r="340" spans="1:12" ht="14.25" customHeight="1" x14ac:dyDescent="0.25">
      <c r="A340" s="12" t="s">
        <v>1727</v>
      </c>
      <c r="B340" s="52" t="s">
        <v>1728</v>
      </c>
      <c r="C340" s="45"/>
      <c r="D340" s="12"/>
      <c r="E340" s="12"/>
      <c r="F340" s="15">
        <v>38278</v>
      </c>
      <c r="G340" s="14"/>
      <c r="I340" s="4"/>
      <c r="J340" s="4"/>
      <c r="K340" s="4"/>
      <c r="L340" s="4"/>
    </row>
    <row r="341" spans="1:12" ht="14.25" customHeight="1" x14ac:dyDescent="0.25">
      <c r="A341" s="12" t="s">
        <v>1538</v>
      </c>
      <c r="B341" s="52" t="s">
        <v>1637</v>
      </c>
      <c r="C341" s="45"/>
      <c r="D341" s="12"/>
      <c r="E341" s="12"/>
      <c r="F341" s="15">
        <v>38286</v>
      </c>
      <c r="G341" s="14"/>
      <c r="I341" s="4"/>
      <c r="J341" s="4"/>
      <c r="K341" s="4"/>
      <c r="L341" s="4"/>
    </row>
    <row r="342" spans="1:12" ht="14.25" customHeight="1" x14ac:dyDescent="0.25">
      <c r="A342" s="12" t="s">
        <v>1375</v>
      </c>
      <c r="B342" s="52" t="s">
        <v>252</v>
      </c>
      <c r="C342" s="45"/>
      <c r="D342" s="12"/>
      <c r="E342" s="12"/>
      <c r="F342" s="15">
        <v>38327</v>
      </c>
      <c r="G342" s="14"/>
      <c r="I342" s="4"/>
      <c r="J342" s="4"/>
      <c r="K342" s="4"/>
      <c r="L342" s="4"/>
    </row>
    <row r="343" spans="1:12" ht="14.25" customHeight="1" x14ac:dyDescent="0.25">
      <c r="A343" s="12" t="s">
        <v>275</v>
      </c>
      <c r="B343" s="52" t="s">
        <v>1618</v>
      </c>
      <c r="C343" s="45"/>
      <c r="D343" s="12"/>
      <c r="E343" s="12"/>
      <c r="F343" s="15">
        <v>38336</v>
      </c>
      <c r="G343" s="14" t="s">
        <v>1621</v>
      </c>
      <c r="I343" s="4"/>
      <c r="J343" s="4"/>
      <c r="K343" s="4"/>
      <c r="L343" s="4"/>
    </row>
    <row r="344" spans="1:12" ht="14.25" customHeight="1" x14ac:dyDescent="0.25">
      <c r="A344" s="12" t="s">
        <v>1332</v>
      </c>
      <c r="B344" s="52" t="s">
        <v>192</v>
      </c>
      <c r="C344" s="45"/>
      <c r="D344" s="12"/>
      <c r="E344" s="12"/>
      <c r="F344" s="15">
        <v>38342</v>
      </c>
      <c r="G344" s="14" t="s">
        <v>125</v>
      </c>
      <c r="I344" s="4"/>
      <c r="J344" s="4"/>
      <c r="K344" s="4"/>
      <c r="L344" s="4"/>
    </row>
    <row r="345" spans="1:12" ht="14.25" customHeight="1" x14ac:dyDescent="0.25">
      <c r="A345" s="12" t="s">
        <v>392</v>
      </c>
      <c r="B345" s="52" t="s">
        <v>406</v>
      </c>
      <c r="C345" s="45"/>
      <c r="D345" s="12" t="s">
        <v>2785</v>
      </c>
      <c r="E345" s="12" t="s">
        <v>1625</v>
      </c>
      <c r="F345" s="15">
        <v>38405</v>
      </c>
      <c r="G345" s="14" t="s">
        <v>1263</v>
      </c>
      <c r="I345" s="4"/>
      <c r="J345" s="4"/>
      <c r="K345" s="4"/>
      <c r="L345" s="4"/>
    </row>
    <row r="346" spans="1:12" ht="14.25" customHeight="1" x14ac:dyDescent="0.25">
      <c r="A346" s="12" t="s">
        <v>1725</v>
      </c>
      <c r="B346" s="52" t="s">
        <v>1294</v>
      </c>
      <c r="C346" s="45"/>
      <c r="D346" s="12" t="s">
        <v>1661</v>
      </c>
      <c r="E346" s="12" t="s">
        <v>1192</v>
      </c>
      <c r="F346" s="15">
        <v>38411</v>
      </c>
      <c r="G346" s="14"/>
      <c r="I346" s="4"/>
      <c r="J346" s="4"/>
      <c r="K346" s="4"/>
      <c r="L346" s="4"/>
    </row>
    <row r="347" spans="1:12" ht="14.25" customHeight="1" x14ac:dyDescent="0.25">
      <c r="A347" s="12" t="s">
        <v>738</v>
      </c>
      <c r="B347" s="52" t="s">
        <v>1631</v>
      </c>
      <c r="C347" s="45"/>
      <c r="D347" s="12"/>
      <c r="E347" s="12"/>
      <c r="F347" s="15">
        <v>38414</v>
      </c>
      <c r="G347" s="14" t="s">
        <v>72</v>
      </c>
      <c r="I347" s="4"/>
      <c r="J347" s="4"/>
      <c r="K347" s="4"/>
      <c r="L347" s="4"/>
    </row>
    <row r="348" spans="1:12" ht="14.25" customHeight="1" x14ac:dyDescent="0.25">
      <c r="A348" s="12" t="s">
        <v>1640</v>
      </c>
      <c r="B348" s="52" t="s">
        <v>1641</v>
      </c>
      <c r="C348" s="45"/>
      <c r="D348" s="12"/>
      <c r="E348" s="12"/>
      <c r="F348" s="15">
        <v>38482</v>
      </c>
      <c r="G348" s="14" t="s">
        <v>14</v>
      </c>
      <c r="I348" s="4"/>
      <c r="J348" s="4"/>
      <c r="K348" s="4"/>
      <c r="L348" s="4"/>
    </row>
    <row r="349" spans="1:12" ht="14.25" customHeight="1" x14ac:dyDescent="0.25">
      <c r="A349" s="12" t="s">
        <v>1718</v>
      </c>
      <c r="B349" s="52" t="s">
        <v>1719</v>
      </c>
      <c r="C349" s="45"/>
      <c r="D349" s="12"/>
      <c r="E349" s="12"/>
      <c r="F349" s="15">
        <v>38500</v>
      </c>
      <c r="G349" s="14" t="s">
        <v>1722</v>
      </c>
      <c r="I349" s="4"/>
      <c r="J349" s="4"/>
      <c r="K349" s="4"/>
      <c r="L349" s="4"/>
    </row>
    <row r="350" spans="1:12" ht="14.25" customHeight="1" x14ac:dyDescent="0.25">
      <c r="A350" s="12" t="s">
        <v>3018</v>
      </c>
      <c r="B350" s="52" t="s">
        <v>448</v>
      </c>
      <c r="C350" s="45"/>
      <c r="D350" s="12"/>
      <c r="E350" s="12"/>
      <c r="F350" s="15">
        <v>38544</v>
      </c>
      <c r="G350" s="14"/>
      <c r="I350" s="4"/>
      <c r="J350" s="4"/>
      <c r="K350" s="4"/>
      <c r="L350" s="4"/>
    </row>
    <row r="351" spans="1:12" ht="14.25" customHeight="1" x14ac:dyDescent="0.25">
      <c r="A351" s="12" t="s">
        <v>59</v>
      </c>
      <c r="B351" s="52" t="s">
        <v>1222</v>
      </c>
      <c r="C351" s="45"/>
      <c r="D351" s="12"/>
      <c r="E351" s="12"/>
      <c r="F351" s="15">
        <v>38568</v>
      </c>
      <c r="G351" s="14" t="s">
        <v>401</v>
      </c>
      <c r="I351" s="4"/>
      <c r="J351" s="4"/>
      <c r="K351" s="4"/>
      <c r="L351" s="4"/>
    </row>
    <row r="352" spans="1:12" ht="14.25" customHeight="1" x14ac:dyDescent="0.25">
      <c r="A352" s="12" t="s">
        <v>1796</v>
      </c>
      <c r="B352" s="52" t="s">
        <v>110</v>
      </c>
      <c r="C352" s="45"/>
      <c r="D352" s="12"/>
      <c r="E352" s="12"/>
      <c r="F352" s="15">
        <v>38569</v>
      </c>
      <c r="G352" s="14" t="s">
        <v>794</v>
      </c>
      <c r="I352" s="4"/>
      <c r="J352" s="4"/>
      <c r="K352" s="4"/>
      <c r="L352" s="4"/>
    </row>
    <row r="353" spans="1:12" ht="14.25" customHeight="1" x14ac:dyDescent="0.25">
      <c r="A353" s="12" t="s">
        <v>1411</v>
      </c>
      <c r="B353" s="52" t="s">
        <v>84</v>
      </c>
      <c r="C353" s="45"/>
      <c r="D353" s="12"/>
      <c r="E353" s="12"/>
      <c r="F353" s="15">
        <v>38580</v>
      </c>
      <c r="G353" s="14" t="s">
        <v>1798</v>
      </c>
      <c r="I353" s="4"/>
      <c r="J353" s="4"/>
      <c r="K353" s="4"/>
      <c r="L353" s="4"/>
    </row>
    <row r="354" spans="1:12" ht="14.25" customHeight="1" x14ac:dyDescent="0.25">
      <c r="A354" s="12" t="s">
        <v>1415</v>
      </c>
      <c r="B354" s="52" t="s">
        <v>844</v>
      </c>
      <c r="C354" s="45"/>
      <c r="D354" s="12"/>
      <c r="E354" s="12"/>
      <c r="F354" s="15">
        <v>38658</v>
      </c>
      <c r="G354" s="14" t="s">
        <v>1591</v>
      </c>
      <c r="I354" s="4"/>
      <c r="J354" s="4"/>
      <c r="K354" s="4"/>
      <c r="L354" s="4"/>
    </row>
    <row r="355" spans="1:12" ht="14.25" customHeight="1" x14ac:dyDescent="0.25">
      <c r="A355" s="12" t="s">
        <v>1070</v>
      </c>
      <c r="B355" s="52" t="s">
        <v>523</v>
      </c>
      <c r="C355" s="45"/>
      <c r="D355" s="12"/>
      <c r="E355" s="12"/>
      <c r="F355" s="15">
        <v>38671</v>
      </c>
      <c r="G355" s="14" t="s">
        <v>735</v>
      </c>
      <c r="I355" s="4"/>
      <c r="J355" s="4"/>
      <c r="K355" s="4"/>
      <c r="L355" s="4"/>
    </row>
    <row r="356" spans="1:12" ht="14.25" customHeight="1" x14ac:dyDescent="0.25">
      <c r="A356" s="12" t="s">
        <v>214</v>
      </c>
      <c r="B356" s="52" t="s">
        <v>351</v>
      </c>
      <c r="C356" s="45"/>
      <c r="D356" s="12" t="s">
        <v>656</v>
      </c>
      <c r="E356" s="12" t="s">
        <v>1802</v>
      </c>
      <c r="F356" s="15">
        <v>38674</v>
      </c>
      <c r="G356" s="14" t="s">
        <v>1806</v>
      </c>
      <c r="I356" s="4"/>
      <c r="J356" s="4"/>
      <c r="K356" s="4"/>
      <c r="L356" s="4"/>
    </row>
    <row r="357" spans="1:12" ht="14.25" customHeight="1" x14ac:dyDescent="0.25">
      <c r="A357" s="12" t="s">
        <v>1592</v>
      </c>
      <c r="B357" s="52" t="s">
        <v>1624</v>
      </c>
      <c r="C357" s="45"/>
      <c r="D357" s="12"/>
      <c r="E357" s="12"/>
      <c r="F357" s="15">
        <v>38675</v>
      </c>
      <c r="G357" s="14" t="s">
        <v>27</v>
      </c>
      <c r="I357" s="4"/>
      <c r="J357" s="4"/>
      <c r="K357" s="4"/>
      <c r="L357" s="4"/>
    </row>
    <row r="358" spans="1:12" ht="14.25" customHeight="1" x14ac:dyDescent="0.25">
      <c r="A358" s="12" t="s">
        <v>1574</v>
      </c>
      <c r="B358" s="52" t="s">
        <v>242</v>
      </c>
      <c r="C358" s="45"/>
      <c r="D358" s="12"/>
      <c r="E358" s="12"/>
      <c r="F358" s="15">
        <v>38678</v>
      </c>
      <c r="G358" s="14" t="s">
        <v>49</v>
      </c>
      <c r="I358" s="4"/>
      <c r="J358" s="4"/>
      <c r="K358" s="4"/>
      <c r="L358" s="4"/>
    </row>
    <row r="359" spans="1:12" ht="14.25" customHeight="1" x14ac:dyDescent="0.25">
      <c r="A359" s="12" t="s">
        <v>1350</v>
      </c>
      <c r="B359" s="52" t="s">
        <v>1807</v>
      </c>
      <c r="C359" s="45"/>
      <c r="D359" s="12"/>
      <c r="E359" s="12"/>
      <c r="F359" s="15">
        <v>38688</v>
      </c>
      <c r="G359" s="14" t="s">
        <v>1808</v>
      </c>
      <c r="I359" s="4"/>
      <c r="J359" s="4"/>
      <c r="K359" s="4"/>
      <c r="L359" s="4"/>
    </row>
    <row r="360" spans="1:12" ht="14.25" customHeight="1" x14ac:dyDescent="0.25">
      <c r="A360" s="12" t="s">
        <v>899</v>
      </c>
      <c r="B360" s="52" t="s">
        <v>668</v>
      </c>
      <c r="C360" s="45"/>
      <c r="D360" s="12"/>
      <c r="E360" s="12"/>
      <c r="F360" s="15">
        <v>38706</v>
      </c>
      <c r="G360" s="14" t="s">
        <v>1181</v>
      </c>
      <c r="I360" s="4"/>
      <c r="J360" s="4"/>
      <c r="K360" s="4"/>
      <c r="L360" s="4"/>
    </row>
    <row r="361" spans="1:12" ht="14.25" customHeight="1" x14ac:dyDescent="0.25">
      <c r="A361" s="12" t="s">
        <v>839</v>
      </c>
      <c r="B361" s="52" t="s">
        <v>1016</v>
      </c>
      <c r="C361" s="45"/>
      <c r="D361" s="12"/>
      <c r="E361" s="12"/>
      <c r="F361" s="15">
        <v>38762</v>
      </c>
      <c r="G361" s="14" t="s">
        <v>1361</v>
      </c>
      <c r="I361" s="4"/>
      <c r="J361" s="4"/>
      <c r="K361" s="4"/>
      <c r="L361" s="4"/>
    </row>
    <row r="362" spans="1:12" ht="14.25" customHeight="1" x14ac:dyDescent="0.25">
      <c r="A362" s="12" t="s">
        <v>124</v>
      </c>
      <c r="B362" s="52" t="s">
        <v>327</v>
      </c>
      <c r="C362" s="45"/>
      <c r="D362" s="12" t="s">
        <v>2475</v>
      </c>
      <c r="E362" s="12" t="s">
        <v>136</v>
      </c>
      <c r="F362" s="15">
        <v>38773</v>
      </c>
      <c r="G362" s="14" t="s">
        <v>981</v>
      </c>
      <c r="I362" s="4"/>
      <c r="J362" s="4"/>
      <c r="K362" s="4"/>
      <c r="L362" s="4"/>
    </row>
    <row r="363" spans="1:12" ht="14.25" customHeight="1" x14ac:dyDescent="0.25">
      <c r="A363" s="12" t="s">
        <v>1812</v>
      </c>
      <c r="B363" s="52" t="s">
        <v>1570</v>
      </c>
      <c r="C363" s="45"/>
      <c r="D363" s="12" t="s">
        <v>1316</v>
      </c>
      <c r="E363" s="12" t="s">
        <v>950</v>
      </c>
      <c r="F363" s="15">
        <v>38776</v>
      </c>
      <c r="G363" s="14" t="s">
        <v>1813</v>
      </c>
      <c r="I363" s="4"/>
      <c r="J363" s="4"/>
      <c r="K363" s="4"/>
      <c r="L363" s="4"/>
    </row>
    <row r="364" spans="1:12" ht="14.25" customHeight="1" x14ac:dyDescent="0.25">
      <c r="A364" s="12" t="s">
        <v>1395</v>
      </c>
      <c r="B364" s="52" t="s">
        <v>648</v>
      </c>
      <c r="C364" s="45"/>
      <c r="D364" s="12" t="s">
        <v>1531</v>
      </c>
      <c r="E364" s="12" t="s">
        <v>188</v>
      </c>
      <c r="F364" s="15">
        <v>38779</v>
      </c>
      <c r="G364" s="14" t="s">
        <v>709</v>
      </c>
      <c r="I364" s="4"/>
      <c r="J364" s="4"/>
      <c r="K364" s="4"/>
      <c r="L364" s="4"/>
    </row>
    <row r="365" spans="1:12" ht="14.25" customHeight="1" x14ac:dyDescent="0.25">
      <c r="A365" s="12" t="s">
        <v>1557</v>
      </c>
      <c r="B365" s="52" t="s">
        <v>1261</v>
      </c>
      <c r="C365" s="45"/>
      <c r="D365" s="12"/>
      <c r="E365" s="12"/>
      <c r="F365" s="15">
        <v>38779</v>
      </c>
      <c r="G365" s="14" t="s">
        <v>1815</v>
      </c>
      <c r="I365" s="4"/>
      <c r="J365" s="4"/>
      <c r="K365" s="4"/>
      <c r="L365" s="4"/>
    </row>
    <row r="366" spans="1:12" ht="14.25" customHeight="1" x14ac:dyDescent="0.25">
      <c r="A366" s="12" t="s">
        <v>1816</v>
      </c>
      <c r="B366" s="52" t="s">
        <v>1818</v>
      </c>
      <c r="C366" s="45"/>
      <c r="D366" s="12"/>
      <c r="E366" s="12"/>
      <c r="F366" s="15">
        <v>38782</v>
      </c>
      <c r="G366" s="14" t="s">
        <v>1306</v>
      </c>
      <c r="I366" s="4"/>
      <c r="J366" s="4"/>
      <c r="K366" s="4"/>
      <c r="L366" s="4"/>
    </row>
    <row r="367" spans="1:12" ht="14.25" customHeight="1" x14ac:dyDescent="0.25">
      <c r="A367" s="12" t="s">
        <v>1819</v>
      </c>
      <c r="B367" s="52" t="s">
        <v>1820</v>
      </c>
      <c r="C367" s="45"/>
      <c r="D367" s="12"/>
      <c r="E367" s="12"/>
      <c r="F367" s="15">
        <v>38790</v>
      </c>
      <c r="G367" s="14" t="s">
        <v>1821</v>
      </c>
      <c r="I367" s="4"/>
      <c r="J367" s="4"/>
      <c r="K367" s="4"/>
      <c r="L367" s="4"/>
    </row>
    <row r="368" spans="1:12" ht="14.25" customHeight="1" x14ac:dyDescent="0.25">
      <c r="A368" s="12" t="s">
        <v>1603</v>
      </c>
      <c r="B368" s="52" t="s">
        <v>95</v>
      </c>
      <c r="C368" s="45"/>
      <c r="D368" s="12"/>
      <c r="E368" s="12"/>
      <c r="F368" s="15">
        <v>38821</v>
      </c>
      <c r="G368" s="14" t="s">
        <v>1824</v>
      </c>
      <c r="I368" s="4"/>
      <c r="J368" s="4"/>
      <c r="K368" s="4"/>
      <c r="L368" s="4"/>
    </row>
    <row r="369" spans="1:12" ht="14.25" customHeight="1" x14ac:dyDescent="0.25">
      <c r="A369" s="12" t="s">
        <v>783</v>
      </c>
      <c r="B369" s="52" t="s">
        <v>1826</v>
      </c>
      <c r="C369" s="45"/>
      <c r="D369" s="12"/>
      <c r="E369" s="12"/>
      <c r="F369" s="15">
        <v>38821</v>
      </c>
      <c r="G369" s="14" t="s">
        <v>938</v>
      </c>
      <c r="I369" s="4"/>
      <c r="J369" s="4"/>
      <c r="K369" s="4"/>
      <c r="L369" s="4"/>
    </row>
    <row r="370" spans="1:12" ht="14.25" customHeight="1" x14ac:dyDescent="0.25">
      <c r="A370" s="12" t="s">
        <v>1828</v>
      </c>
      <c r="B370" s="52" t="s">
        <v>322</v>
      </c>
      <c r="C370" s="45"/>
      <c r="D370" s="12"/>
      <c r="E370" s="12"/>
      <c r="F370" s="15">
        <v>38825</v>
      </c>
      <c r="G370" s="14" t="s">
        <v>1830</v>
      </c>
      <c r="I370" s="4"/>
      <c r="J370" s="4"/>
      <c r="K370" s="4"/>
      <c r="L370" s="4"/>
    </row>
    <row r="371" spans="1:12" ht="14.25" customHeight="1" x14ac:dyDescent="0.25">
      <c r="A371" s="12" t="s">
        <v>905</v>
      </c>
      <c r="B371" s="52" t="s">
        <v>1276</v>
      </c>
      <c r="C371" s="45" t="s">
        <v>1566</v>
      </c>
      <c r="D371" s="12"/>
      <c r="E371" s="12"/>
      <c r="F371" s="15">
        <v>38860</v>
      </c>
      <c r="G371" s="14" t="s">
        <v>1152</v>
      </c>
      <c r="I371" s="4"/>
      <c r="J371" s="4"/>
      <c r="K371" s="4"/>
      <c r="L371" s="4"/>
    </row>
    <row r="372" spans="1:12" ht="14.25" customHeight="1" x14ac:dyDescent="0.25">
      <c r="A372" s="12" t="s">
        <v>1831</v>
      </c>
      <c r="B372" s="52" t="s">
        <v>1055</v>
      </c>
      <c r="C372" s="45"/>
      <c r="D372" s="12"/>
      <c r="E372" s="12"/>
      <c r="F372" s="15">
        <v>38898</v>
      </c>
      <c r="G372" s="14" t="s">
        <v>1105</v>
      </c>
      <c r="I372" s="4"/>
      <c r="J372" s="4"/>
      <c r="K372" s="4"/>
      <c r="L372" s="4"/>
    </row>
    <row r="373" spans="1:12" ht="14.25" customHeight="1" x14ac:dyDescent="0.25">
      <c r="A373" s="12" t="s">
        <v>414</v>
      </c>
      <c r="B373" s="52" t="s">
        <v>1529</v>
      </c>
      <c r="C373" s="45"/>
      <c r="D373" s="12" t="s">
        <v>917</v>
      </c>
      <c r="E373" s="12" t="s">
        <v>63</v>
      </c>
      <c r="F373" s="15">
        <v>38905</v>
      </c>
      <c r="G373" s="14" t="s">
        <v>255</v>
      </c>
      <c r="I373" s="4"/>
      <c r="J373" s="4"/>
      <c r="K373" s="4"/>
      <c r="L373" s="4"/>
    </row>
    <row r="374" spans="1:12" ht="14.25" customHeight="1" x14ac:dyDescent="0.25">
      <c r="A374" s="12" t="s">
        <v>879</v>
      </c>
      <c r="B374" s="52" t="s">
        <v>880</v>
      </c>
      <c r="C374" s="45"/>
      <c r="D374" s="12"/>
      <c r="E374" s="12"/>
      <c r="F374" s="15">
        <v>38930</v>
      </c>
      <c r="G374" s="14" t="s">
        <v>842</v>
      </c>
      <c r="I374" s="4"/>
      <c r="J374" s="4"/>
      <c r="K374" s="4"/>
      <c r="L374" s="4"/>
    </row>
    <row r="375" spans="1:12" ht="14.25" customHeight="1" x14ac:dyDescent="0.25">
      <c r="A375" s="12" t="s">
        <v>632</v>
      </c>
      <c r="B375" s="52" t="s">
        <v>382</v>
      </c>
      <c r="C375" s="45"/>
      <c r="D375" s="12" t="s">
        <v>980</v>
      </c>
      <c r="E375" s="12" t="s">
        <v>1293</v>
      </c>
      <c r="F375" s="15">
        <v>38947</v>
      </c>
      <c r="G375" s="14" t="s">
        <v>1174</v>
      </c>
      <c r="I375" s="4"/>
      <c r="J375" s="4"/>
      <c r="K375" s="4"/>
      <c r="L375" s="4"/>
    </row>
    <row r="376" spans="1:12" ht="14.25" customHeight="1" x14ac:dyDescent="0.25">
      <c r="A376" s="12" t="s">
        <v>314</v>
      </c>
      <c r="B376" s="52" t="s">
        <v>104</v>
      </c>
      <c r="C376" s="45"/>
      <c r="D376" s="12"/>
      <c r="E376" s="12"/>
      <c r="F376" s="15">
        <v>38987</v>
      </c>
      <c r="G376" s="14" t="s">
        <v>1835</v>
      </c>
      <c r="I376" s="4"/>
      <c r="J376" s="4"/>
      <c r="K376" s="4"/>
      <c r="L376" s="4"/>
    </row>
    <row r="377" spans="1:12" ht="14.25" customHeight="1" x14ac:dyDescent="0.25">
      <c r="A377" s="12" t="s">
        <v>1839</v>
      </c>
      <c r="B377" s="52" t="s">
        <v>1840</v>
      </c>
      <c r="C377" s="45"/>
      <c r="D377" s="12"/>
      <c r="E377" s="12"/>
      <c r="F377" s="15">
        <v>38996</v>
      </c>
      <c r="G377" s="14" t="s">
        <v>491</v>
      </c>
      <c r="I377" s="4"/>
      <c r="J377" s="4"/>
      <c r="K377" s="4"/>
      <c r="L377" s="4"/>
    </row>
    <row r="378" spans="1:12" ht="14.25" customHeight="1" x14ac:dyDescent="0.25">
      <c r="A378" s="12" t="s">
        <v>1838</v>
      </c>
      <c r="B378" s="52" t="s">
        <v>225</v>
      </c>
      <c r="C378" s="45"/>
      <c r="D378" s="12"/>
      <c r="E378" s="12"/>
      <c r="F378" s="15">
        <v>39000</v>
      </c>
      <c r="G378" s="14" t="s">
        <v>53</v>
      </c>
      <c r="I378" s="4"/>
      <c r="J378" s="4"/>
      <c r="K378" s="4"/>
      <c r="L378" s="4"/>
    </row>
    <row r="379" spans="1:12" ht="14.25" customHeight="1" x14ac:dyDescent="0.25">
      <c r="A379" s="12" t="s">
        <v>964</v>
      </c>
      <c r="B379" s="52" t="s">
        <v>1841</v>
      </c>
      <c r="C379" s="45"/>
      <c r="D379" s="12"/>
      <c r="E379" s="12"/>
      <c r="F379" s="15">
        <v>39016</v>
      </c>
      <c r="G379" s="14" t="s">
        <v>1683</v>
      </c>
      <c r="I379" s="4"/>
      <c r="J379" s="4"/>
      <c r="K379" s="4"/>
      <c r="L379" s="4"/>
    </row>
    <row r="380" spans="1:12" ht="14.25" customHeight="1" x14ac:dyDescent="0.25">
      <c r="A380" s="12" t="s">
        <v>1842</v>
      </c>
      <c r="B380" s="52" t="s">
        <v>1843</v>
      </c>
      <c r="C380" s="45"/>
      <c r="D380" s="12"/>
      <c r="E380" s="12"/>
      <c r="F380" s="15">
        <v>39017</v>
      </c>
      <c r="G380" s="14" t="s">
        <v>1846</v>
      </c>
      <c r="I380" s="4"/>
      <c r="J380" s="4"/>
      <c r="K380" s="4"/>
      <c r="L380" s="4"/>
    </row>
    <row r="381" spans="1:12" ht="14.25" customHeight="1" x14ac:dyDescent="0.25">
      <c r="A381" s="12" t="s">
        <v>232</v>
      </c>
      <c r="B381" s="52" t="s">
        <v>11</v>
      </c>
      <c r="C381" s="45"/>
      <c r="D381" s="12"/>
      <c r="E381" s="12"/>
      <c r="F381" s="15">
        <v>39072</v>
      </c>
      <c r="G381" s="14" t="s">
        <v>1373</v>
      </c>
      <c r="I381" s="4"/>
      <c r="J381" s="4"/>
      <c r="K381" s="4"/>
      <c r="L381" s="4"/>
    </row>
    <row r="382" spans="1:12" ht="14.25" customHeight="1" x14ac:dyDescent="0.25">
      <c r="A382" s="12" t="s">
        <v>358</v>
      </c>
      <c r="B382" s="52" t="s">
        <v>58</v>
      </c>
      <c r="C382" s="45"/>
      <c r="D382" s="12"/>
      <c r="E382" s="12"/>
      <c r="F382" s="15">
        <v>39099</v>
      </c>
      <c r="G382" s="14" t="s">
        <v>393</v>
      </c>
      <c r="I382" s="4"/>
      <c r="J382" s="4"/>
      <c r="K382" s="4"/>
      <c r="L382" s="4"/>
    </row>
    <row r="383" spans="1:12" ht="14.25" customHeight="1" x14ac:dyDescent="0.25">
      <c r="A383" s="12" t="s">
        <v>1848</v>
      </c>
      <c r="B383" s="52" t="s">
        <v>296</v>
      </c>
      <c r="C383" s="45" t="s">
        <v>1849</v>
      </c>
      <c r="D383" s="12"/>
      <c r="E383" s="12"/>
      <c r="F383" s="15">
        <v>39102</v>
      </c>
      <c r="G383" s="14" t="s">
        <v>501</v>
      </c>
      <c r="I383" s="4"/>
      <c r="J383" s="4"/>
      <c r="K383" s="4"/>
      <c r="L383" s="4"/>
    </row>
    <row r="384" spans="1:12" ht="14.25" customHeight="1" x14ac:dyDescent="0.25">
      <c r="A384" s="12" t="s">
        <v>1684</v>
      </c>
      <c r="B384" s="52" t="s">
        <v>1850</v>
      </c>
      <c r="C384" s="45"/>
      <c r="D384" s="12"/>
      <c r="E384" s="12"/>
      <c r="F384" s="15">
        <v>39135</v>
      </c>
      <c r="G384" s="14" t="s">
        <v>1852</v>
      </c>
      <c r="I384" s="4"/>
      <c r="J384" s="4"/>
      <c r="K384" s="4"/>
      <c r="L384" s="4"/>
    </row>
    <row r="385" spans="1:12" ht="14.25" customHeight="1" x14ac:dyDescent="0.25">
      <c r="A385" s="12" t="s">
        <v>377</v>
      </c>
      <c r="B385" s="52" t="s">
        <v>1399</v>
      </c>
      <c r="C385" s="45"/>
      <c r="D385" s="12"/>
      <c r="E385" s="12"/>
      <c r="F385" s="15">
        <v>39140</v>
      </c>
      <c r="G385" s="14" t="s">
        <v>825</v>
      </c>
      <c r="I385" s="4"/>
      <c r="J385" s="4"/>
      <c r="K385" s="4"/>
      <c r="L385" s="4"/>
    </row>
    <row r="386" spans="1:12" ht="14.25" customHeight="1" x14ac:dyDescent="0.25">
      <c r="A386" s="12" t="s">
        <v>1855</v>
      </c>
      <c r="B386" s="52" t="s">
        <v>98</v>
      </c>
      <c r="C386" s="45" t="s">
        <v>1564</v>
      </c>
      <c r="D386" s="12"/>
      <c r="E386" s="12"/>
      <c r="F386" s="15">
        <v>39196</v>
      </c>
      <c r="G386" s="14" t="s">
        <v>1171</v>
      </c>
      <c r="I386" s="4"/>
      <c r="J386" s="4"/>
      <c r="K386" s="4"/>
      <c r="L386" s="4"/>
    </row>
    <row r="387" spans="1:12" ht="14.25" customHeight="1" x14ac:dyDescent="0.25">
      <c r="A387" s="12" t="s">
        <v>1004</v>
      </c>
      <c r="B387" s="52" t="s">
        <v>876</v>
      </c>
      <c r="C387" s="45"/>
      <c r="D387" s="12"/>
      <c r="E387" s="12"/>
      <c r="F387" s="15">
        <v>39217</v>
      </c>
      <c r="G387" s="14" t="s">
        <v>1860</v>
      </c>
      <c r="I387" s="4"/>
      <c r="J387" s="4"/>
      <c r="K387" s="4"/>
      <c r="L387" s="4"/>
    </row>
    <row r="388" spans="1:12" ht="14.25" customHeight="1" x14ac:dyDescent="0.25">
      <c r="A388" s="12" t="s">
        <v>1080</v>
      </c>
      <c r="B388" s="52" t="s">
        <v>165</v>
      </c>
      <c r="C388" s="45"/>
      <c r="D388" s="12" t="s">
        <v>164</v>
      </c>
      <c r="E388" s="12" t="s">
        <v>1745</v>
      </c>
      <c r="F388" s="15">
        <v>39218</v>
      </c>
      <c r="G388" s="14" t="s">
        <v>727</v>
      </c>
      <c r="I388" s="4"/>
      <c r="J388" s="4"/>
      <c r="K388" s="4"/>
      <c r="L388" s="4"/>
    </row>
    <row r="389" spans="1:12" ht="14.25" customHeight="1" x14ac:dyDescent="0.25">
      <c r="A389" s="12" t="s">
        <v>154</v>
      </c>
      <c r="B389" s="52" t="s">
        <v>1735</v>
      </c>
      <c r="C389" s="45" t="s">
        <v>1736</v>
      </c>
      <c r="D389" s="12"/>
      <c r="E389" s="12"/>
      <c r="F389" s="15">
        <v>39262</v>
      </c>
      <c r="G389" s="14" t="s">
        <v>1737</v>
      </c>
      <c r="I389" s="4"/>
      <c r="J389" s="4"/>
      <c r="K389" s="4"/>
      <c r="L389" s="4"/>
    </row>
    <row r="390" spans="1:12" ht="14.25" customHeight="1" x14ac:dyDescent="0.25">
      <c r="A390" s="12" t="s">
        <v>859</v>
      </c>
      <c r="B390" s="52" t="s">
        <v>6</v>
      </c>
      <c r="C390" s="45"/>
      <c r="D390" s="12" t="s">
        <v>1717</v>
      </c>
      <c r="E390" s="12" t="s">
        <v>1742</v>
      </c>
      <c r="F390" s="15">
        <v>39276</v>
      </c>
      <c r="G390" s="14" t="s">
        <v>499</v>
      </c>
      <c r="I390" s="4"/>
      <c r="J390" s="4"/>
      <c r="K390" s="4"/>
      <c r="L390" s="4"/>
    </row>
    <row r="391" spans="1:12" ht="14.25" customHeight="1" x14ac:dyDescent="0.25">
      <c r="A391" s="12" t="s">
        <v>614</v>
      </c>
      <c r="B391" s="52" t="s">
        <v>1731</v>
      </c>
      <c r="C391" s="45"/>
      <c r="D391" s="12"/>
      <c r="E391" s="12"/>
      <c r="F391" s="15">
        <v>39276</v>
      </c>
      <c r="G391" s="14" t="s">
        <v>1098</v>
      </c>
      <c r="I391" s="4"/>
      <c r="J391" s="4"/>
      <c r="K391" s="4"/>
      <c r="L391" s="4"/>
    </row>
    <row r="392" spans="1:12" ht="14.25" customHeight="1" x14ac:dyDescent="0.25">
      <c r="A392" s="12" t="s">
        <v>1355</v>
      </c>
      <c r="B392" s="52" t="s">
        <v>1678</v>
      </c>
      <c r="C392" s="45"/>
      <c r="D392" s="12"/>
      <c r="E392" s="12"/>
      <c r="F392" s="15">
        <v>39301</v>
      </c>
      <c r="G392" s="14" t="s">
        <v>1864</v>
      </c>
      <c r="I392" s="4"/>
      <c r="J392" s="4"/>
      <c r="K392" s="4"/>
      <c r="L392" s="4"/>
    </row>
    <row r="393" spans="1:12" ht="14.25" customHeight="1" x14ac:dyDescent="0.25">
      <c r="A393" s="12" t="s">
        <v>1865</v>
      </c>
      <c r="B393" s="52" t="s">
        <v>1866</v>
      </c>
      <c r="C393" s="45"/>
      <c r="D393" s="12"/>
      <c r="E393" s="12"/>
      <c r="F393" s="15">
        <v>39339</v>
      </c>
      <c r="G393" s="14" t="s">
        <v>777</v>
      </c>
      <c r="I393" s="4"/>
      <c r="J393" s="4"/>
      <c r="K393" s="4"/>
      <c r="L393" s="4"/>
    </row>
    <row r="394" spans="1:12" ht="14.25" customHeight="1" x14ac:dyDescent="0.25">
      <c r="A394" s="12" t="s">
        <v>1868</v>
      </c>
      <c r="B394" s="52" t="s">
        <v>1869</v>
      </c>
      <c r="C394" s="45"/>
      <c r="D394" s="12"/>
      <c r="E394" s="12"/>
      <c r="F394" s="15">
        <v>39380</v>
      </c>
      <c r="G394" s="14" t="s">
        <v>765</v>
      </c>
      <c r="I394" s="4"/>
      <c r="J394" s="4"/>
      <c r="K394" s="4"/>
      <c r="L394" s="4"/>
    </row>
    <row r="395" spans="1:12" ht="14.25" customHeight="1" x14ac:dyDescent="0.25">
      <c r="A395" s="12" t="s">
        <v>1590</v>
      </c>
      <c r="B395" s="52" t="s">
        <v>1871</v>
      </c>
      <c r="C395" s="45"/>
      <c r="D395" s="12"/>
      <c r="E395" s="12"/>
      <c r="F395" s="15">
        <v>39408</v>
      </c>
      <c r="G395" s="14" t="s">
        <v>1799</v>
      </c>
      <c r="I395" s="4"/>
      <c r="J395" s="4"/>
      <c r="K395" s="4"/>
      <c r="L395" s="4"/>
    </row>
    <row r="396" spans="1:12" ht="14.25" customHeight="1" x14ac:dyDescent="0.25">
      <c r="A396" s="12" t="s">
        <v>1630</v>
      </c>
      <c r="B396" s="52" t="s">
        <v>1872</v>
      </c>
      <c r="C396" s="45"/>
      <c r="D396" s="12"/>
      <c r="E396" s="12"/>
      <c r="F396" s="15">
        <v>39408</v>
      </c>
      <c r="G396" s="14" t="s">
        <v>1873</v>
      </c>
      <c r="I396" s="4"/>
      <c r="J396" s="4"/>
      <c r="K396" s="4"/>
      <c r="L396" s="4"/>
    </row>
    <row r="397" spans="1:12" ht="14.25" customHeight="1" x14ac:dyDescent="0.25">
      <c r="A397" s="12" t="s">
        <v>256</v>
      </c>
      <c r="B397" s="52" t="s">
        <v>195</v>
      </c>
      <c r="C397" s="45"/>
      <c r="D397" s="12" t="s">
        <v>890</v>
      </c>
      <c r="E397" s="12" t="s">
        <v>1583</v>
      </c>
      <c r="F397" s="15">
        <v>39422</v>
      </c>
      <c r="G397" s="14" t="s">
        <v>1875</v>
      </c>
      <c r="I397" s="4"/>
      <c r="J397" s="4"/>
      <c r="K397" s="4"/>
      <c r="L397" s="4"/>
    </row>
    <row r="398" spans="1:12" ht="14.25" customHeight="1" x14ac:dyDescent="0.25">
      <c r="A398" s="12" t="s">
        <v>1877</v>
      </c>
      <c r="B398" s="52" t="s">
        <v>1770</v>
      </c>
      <c r="C398" s="45" t="s">
        <v>974</v>
      </c>
      <c r="D398" s="12"/>
      <c r="E398" s="12"/>
      <c r="F398" s="15">
        <v>39423</v>
      </c>
      <c r="G398" s="14" t="s">
        <v>12</v>
      </c>
      <c r="I398" s="4"/>
      <c r="J398" s="4"/>
      <c r="K398" s="4"/>
      <c r="L398" s="4"/>
    </row>
    <row r="399" spans="1:12" ht="14.25" customHeight="1" x14ac:dyDescent="0.25">
      <c r="A399" s="12" t="s">
        <v>366</v>
      </c>
      <c r="B399" s="52" t="s">
        <v>295</v>
      </c>
      <c r="C399" s="45"/>
      <c r="D399" s="12"/>
      <c r="E399" s="12"/>
      <c r="F399" s="15">
        <v>39423</v>
      </c>
      <c r="G399" s="14" t="s">
        <v>572</v>
      </c>
      <c r="I399" s="4"/>
      <c r="J399" s="4"/>
      <c r="K399" s="4"/>
      <c r="L399" s="4"/>
    </row>
    <row r="400" spans="1:12" ht="14.25" customHeight="1" x14ac:dyDescent="0.25">
      <c r="A400" s="12" t="s">
        <v>1269</v>
      </c>
      <c r="B400" s="52" t="s">
        <v>1857</v>
      </c>
      <c r="C400" s="45"/>
      <c r="D400" s="12" t="s">
        <v>1757</v>
      </c>
      <c r="E400" s="12" t="s">
        <v>1802</v>
      </c>
      <c r="F400" s="15">
        <v>39434</v>
      </c>
      <c r="G400" s="14" t="s">
        <v>1550</v>
      </c>
      <c r="I400" s="4"/>
      <c r="J400" s="4"/>
      <c r="K400" s="4"/>
      <c r="L400" s="4"/>
    </row>
    <row r="401" spans="1:12" ht="14.25" customHeight="1" x14ac:dyDescent="0.25">
      <c r="A401" s="12" t="s">
        <v>1560</v>
      </c>
      <c r="B401" s="52" t="s">
        <v>1880</v>
      </c>
      <c r="C401" s="45"/>
      <c r="D401" s="12"/>
      <c r="E401" s="12"/>
      <c r="F401" s="15">
        <v>39436</v>
      </c>
      <c r="G401" s="14" t="s">
        <v>1881</v>
      </c>
      <c r="I401" s="4"/>
      <c r="J401" s="4"/>
      <c r="K401" s="4"/>
      <c r="L401" s="4"/>
    </row>
    <row r="402" spans="1:12" ht="14.25" customHeight="1" x14ac:dyDescent="0.25">
      <c r="A402" s="12" t="s">
        <v>1882</v>
      </c>
      <c r="B402" s="52" t="s">
        <v>1883</v>
      </c>
      <c r="C402" s="45"/>
      <c r="D402" s="12"/>
      <c r="E402" s="12"/>
      <c r="F402" s="15">
        <v>39442</v>
      </c>
      <c r="G402" s="14" t="s">
        <v>280</v>
      </c>
      <c r="I402" s="4"/>
      <c r="J402" s="4"/>
      <c r="K402" s="4"/>
      <c r="L402" s="4"/>
    </row>
    <row r="403" spans="1:12" ht="14.25" customHeight="1" x14ac:dyDescent="0.25">
      <c r="A403" s="12" t="s">
        <v>673</v>
      </c>
      <c r="B403" s="52" t="s">
        <v>1884</v>
      </c>
      <c r="C403" s="45"/>
      <c r="D403" s="12"/>
      <c r="E403" s="12"/>
      <c r="F403" s="15">
        <v>39455</v>
      </c>
      <c r="G403" s="14" t="s">
        <v>979</v>
      </c>
      <c r="I403" s="4"/>
      <c r="J403" s="4"/>
      <c r="K403" s="4"/>
      <c r="L403" s="4"/>
    </row>
    <row r="404" spans="1:12" ht="14.25" customHeight="1" x14ac:dyDescent="0.25">
      <c r="A404" s="12" t="s">
        <v>1867</v>
      </c>
      <c r="B404" s="52" t="s">
        <v>29</v>
      </c>
      <c r="C404" s="45"/>
      <c r="D404" s="12" t="s">
        <v>1376</v>
      </c>
      <c r="E404" s="12" t="s">
        <v>1886</v>
      </c>
      <c r="F404" s="15">
        <v>39511</v>
      </c>
      <c r="G404" s="14" t="s">
        <v>236</v>
      </c>
      <c r="I404" s="4"/>
      <c r="J404" s="4"/>
      <c r="K404" s="4"/>
      <c r="L404" s="4"/>
    </row>
    <row r="405" spans="1:12" ht="14.25" customHeight="1" x14ac:dyDescent="0.25">
      <c r="A405" s="12" t="s">
        <v>330</v>
      </c>
      <c r="B405" s="52" t="s">
        <v>1827</v>
      </c>
      <c r="C405" s="45"/>
      <c r="D405" s="12"/>
      <c r="E405" s="12"/>
      <c r="F405" s="15">
        <v>39552</v>
      </c>
      <c r="G405" s="14" t="s">
        <v>1890</v>
      </c>
      <c r="I405" s="4"/>
      <c r="J405" s="4"/>
      <c r="K405" s="4"/>
      <c r="L405" s="4"/>
    </row>
    <row r="406" spans="1:12" ht="14.25" customHeight="1" x14ac:dyDescent="0.25">
      <c r="A406" s="12" t="s">
        <v>560</v>
      </c>
      <c r="B406" s="52" t="s">
        <v>811</v>
      </c>
      <c r="C406" s="45"/>
      <c r="D406" s="12" t="s">
        <v>2800</v>
      </c>
      <c r="E406" s="12" t="s">
        <v>3006</v>
      </c>
      <c r="F406" s="15">
        <v>39553</v>
      </c>
      <c r="G406" s="14" t="s">
        <v>1889</v>
      </c>
      <c r="I406" s="4"/>
      <c r="J406" s="4"/>
      <c r="K406" s="4"/>
      <c r="L406" s="4"/>
    </row>
    <row r="407" spans="1:12" ht="14.25" customHeight="1" x14ac:dyDescent="0.25">
      <c r="A407" s="12" t="s">
        <v>1894</v>
      </c>
      <c r="B407" s="52" t="s">
        <v>1895</v>
      </c>
      <c r="C407" s="45"/>
      <c r="D407" s="12"/>
      <c r="E407" s="12"/>
      <c r="F407" s="15">
        <v>39583</v>
      </c>
      <c r="G407" s="14" t="s">
        <v>1897</v>
      </c>
      <c r="I407" s="4"/>
      <c r="J407" s="4"/>
      <c r="K407" s="4"/>
      <c r="L407" s="4"/>
    </row>
    <row r="408" spans="1:12" ht="14.25" customHeight="1" x14ac:dyDescent="0.25">
      <c r="A408" s="12" t="s">
        <v>452</v>
      </c>
      <c r="B408" s="52" t="s">
        <v>1246</v>
      </c>
      <c r="C408" s="45" t="s">
        <v>1551</v>
      </c>
      <c r="D408" s="12"/>
      <c r="E408" s="12"/>
      <c r="F408" s="15">
        <v>39612</v>
      </c>
      <c r="G408" s="14" t="s">
        <v>1898</v>
      </c>
      <c r="I408" s="4"/>
      <c r="J408" s="4"/>
      <c r="K408" s="4"/>
      <c r="L408" s="4"/>
    </row>
    <row r="409" spans="1:12" ht="14.25" customHeight="1" x14ac:dyDescent="0.25">
      <c r="A409" s="12" t="s">
        <v>1899</v>
      </c>
      <c r="B409" s="52" t="s">
        <v>945</v>
      </c>
      <c r="C409" s="45"/>
      <c r="D409" s="12"/>
      <c r="E409" s="12"/>
      <c r="F409" s="15">
        <v>39618</v>
      </c>
      <c r="G409" s="14" t="s">
        <v>469</v>
      </c>
      <c r="I409" s="4"/>
      <c r="J409" s="4"/>
      <c r="K409" s="4"/>
      <c r="L409" s="4"/>
    </row>
    <row r="410" spans="1:12" ht="14.25" customHeight="1" x14ac:dyDescent="0.25">
      <c r="A410" s="12" t="s">
        <v>1370</v>
      </c>
      <c r="B410" s="52" t="s">
        <v>1371</v>
      </c>
      <c r="C410" s="45"/>
      <c r="D410" s="12"/>
      <c r="E410" s="12"/>
      <c r="F410" s="15">
        <v>39622</v>
      </c>
      <c r="G410" s="14" t="s">
        <v>909</v>
      </c>
      <c r="I410" s="4"/>
      <c r="J410" s="4"/>
      <c r="K410" s="4"/>
      <c r="L410" s="4"/>
    </row>
    <row r="411" spans="1:12" ht="14.25" customHeight="1" x14ac:dyDescent="0.25">
      <c r="A411" s="12" t="s">
        <v>360</v>
      </c>
      <c r="B411" s="52" t="s">
        <v>681</v>
      </c>
      <c r="C411" s="45" t="s">
        <v>1226</v>
      </c>
      <c r="D411" s="12" t="s">
        <v>2337</v>
      </c>
      <c r="E411" s="12" t="s">
        <v>102</v>
      </c>
      <c r="F411" s="15">
        <v>39630</v>
      </c>
      <c r="G411" s="14" t="s">
        <v>1706</v>
      </c>
      <c r="I411" s="4"/>
      <c r="J411" s="4"/>
      <c r="K411" s="4"/>
      <c r="L411" s="4"/>
    </row>
    <row r="412" spans="1:12" ht="14.25" customHeight="1" x14ac:dyDescent="0.25">
      <c r="A412" s="12" t="s">
        <v>1286</v>
      </c>
      <c r="B412" s="52" t="s">
        <v>1904</v>
      </c>
      <c r="C412" s="45" t="s">
        <v>1905</v>
      </c>
      <c r="D412" s="12"/>
      <c r="E412" s="12"/>
      <c r="F412" s="15">
        <v>39651</v>
      </c>
      <c r="G412" s="14" t="s">
        <v>1201</v>
      </c>
      <c r="I412" s="4"/>
      <c r="J412" s="4"/>
      <c r="K412" s="4"/>
      <c r="L412" s="4"/>
    </row>
    <row r="413" spans="1:12" ht="14.25" customHeight="1" x14ac:dyDescent="0.25">
      <c r="A413" s="12" t="s">
        <v>1210</v>
      </c>
      <c r="B413" s="52" t="s">
        <v>1907</v>
      </c>
      <c r="C413" s="45"/>
      <c r="D413" s="12"/>
      <c r="E413" s="12"/>
      <c r="F413" s="15">
        <v>39668</v>
      </c>
      <c r="G413" s="14" t="s">
        <v>1908</v>
      </c>
      <c r="I413" s="4"/>
      <c r="J413" s="4"/>
      <c r="K413" s="4"/>
      <c r="L413" s="4"/>
    </row>
    <row r="414" spans="1:12" ht="14.25" customHeight="1" x14ac:dyDescent="0.25">
      <c r="A414" s="12" t="s">
        <v>1793</v>
      </c>
      <c r="B414" s="52" t="s">
        <v>1953</v>
      </c>
      <c r="C414" s="45"/>
      <c r="D414" s="12"/>
      <c r="E414" s="12"/>
      <c r="F414" s="15">
        <v>39722</v>
      </c>
      <c r="G414" s="14" t="s">
        <v>1954</v>
      </c>
      <c r="I414" s="4"/>
      <c r="J414" s="4"/>
      <c r="K414" s="4"/>
      <c r="L414" s="4"/>
    </row>
    <row r="415" spans="1:12" s="4" customFormat="1" ht="14.25" customHeight="1" x14ac:dyDescent="0.25">
      <c r="A415" s="12" t="s">
        <v>60</v>
      </c>
      <c r="B415" s="52" t="s">
        <v>1958</v>
      </c>
      <c r="C415" s="45"/>
      <c r="D415" s="12" t="s">
        <v>1511</v>
      </c>
      <c r="E415" s="12" t="s">
        <v>988</v>
      </c>
      <c r="F415" s="15">
        <v>39743</v>
      </c>
      <c r="G415" s="14" t="s">
        <v>1614</v>
      </c>
    </row>
    <row r="416" spans="1:12" ht="14.25" customHeight="1" x14ac:dyDescent="0.25">
      <c r="A416" s="12" t="s">
        <v>1960</v>
      </c>
      <c r="B416" s="52" t="s">
        <v>1219</v>
      </c>
      <c r="C416" s="45"/>
      <c r="D416" s="12"/>
      <c r="E416" s="12"/>
      <c r="F416" s="15">
        <v>39752</v>
      </c>
      <c r="G416" s="14" t="s">
        <v>1669</v>
      </c>
      <c r="I416" s="4"/>
      <c r="J416" s="4"/>
      <c r="K416" s="4"/>
      <c r="L416" s="4"/>
    </row>
    <row r="417" spans="1:12" ht="14.25" customHeight="1" x14ac:dyDescent="0.25">
      <c r="A417" s="12" t="s">
        <v>476</v>
      </c>
      <c r="B417" s="52" t="s">
        <v>1854</v>
      </c>
      <c r="C417" s="45" t="s">
        <v>15</v>
      </c>
      <c r="D417" s="12" t="s">
        <v>2511</v>
      </c>
      <c r="E417" s="12" t="s">
        <v>400</v>
      </c>
      <c r="F417" s="15">
        <v>39763</v>
      </c>
      <c r="G417" s="14" t="s">
        <v>1961</v>
      </c>
      <c r="I417" s="4"/>
      <c r="J417" s="4"/>
      <c r="K417" s="4"/>
      <c r="L417" s="4"/>
    </row>
    <row r="418" spans="1:12" ht="14.25" customHeight="1" x14ac:dyDescent="0.25">
      <c r="A418" s="12" t="s">
        <v>190</v>
      </c>
      <c r="B418" s="52" t="s">
        <v>589</v>
      </c>
      <c r="C418" s="45"/>
      <c r="D418" s="12"/>
      <c r="E418" s="12"/>
      <c r="F418" s="15">
        <v>39769</v>
      </c>
      <c r="G418" s="14" t="s">
        <v>612</v>
      </c>
      <c r="I418" s="4"/>
      <c r="J418" s="4"/>
      <c r="K418" s="4"/>
      <c r="L418" s="4"/>
    </row>
    <row r="419" spans="1:12" ht="14.25" customHeight="1" x14ac:dyDescent="0.25">
      <c r="A419" s="12" t="s">
        <v>847</v>
      </c>
      <c r="B419" s="52" t="s">
        <v>840</v>
      </c>
      <c r="C419" s="45"/>
      <c r="D419" s="12"/>
      <c r="E419" s="12"/>
      <c r="F419" s="15">
        <v>39808</v>
      </c>
      <c r="G419" s="14" t="s">
        <v>1087</v>
      </c>
      <c r="I419" s="4"/>
      <c r="J419" s="4"/>
      <c r="K419" s="4"/>
      <c r="L419" s="4"/>
    </row>
    <row r="420" spans="1:12" ht="14.25" customHeight="1" x14ac:dyDescent="0.25">
      <c r="A420" s="12" t="s">
        <v>1969</v>
      </c>
      <c r="B420" s="52" t="s">
        <v>1970</v>
      </c>
      <c r="C420" s="45" t="s">
        <v>748</v>
      </c>
      <c r="D420" s="12"/>
      <c r="E420" s="12"/>
      <c r="F420" s="15">
        <v>39820</v>
      </c>
      <c r="G420" s="14" t="s">
        <v>1242</v>
      </c>
      <c r="I420" s="4"/>
      <c r="J420" s="4"/>
      <c r="K420" s="4"/>
      <c r="L420" s="4"/>
    </row>
    <row r="421" spans="1:12" ht="14.25" customHeight="1" x14ac:dyDescent="0.25">
      <c r="A421" s="12" t="s">
        <v>1973</v>
      </c>
      <c r="B421" s="52" t="s">
        <v>1836</v>
      </c>
      <c r="C421" s="45" t="s">
        <v>1974</v>
      </c>
      <c r="D421" s="12"/>
      <c r="E421" s="12"/>
      <c r="F421" s="15">
        <v>39871</v>
      </c>
      <c r="G421" s="14" t="s">
        <v>1977</v>
      </c>
      <c r="I421" s="4"/>
      <c r="J421" s="4"/>
      <c r="K421" s="4"/>
      <c r="L421" s="4"/>
    </row>
    <row r="422" spans="1:12" ht="14.25" customHeight="1" x14ac:dyDescent="0.25">
      <c r="A422" s="12" t="s">
        <v>1971</v>
      </c>
      <c r="B422" s="52" t="s">
        <v>244</v>
      </c>
      <c r="C422" s="45"/>
      <c r="D422" s="12" t="s">
        <v>917</v>
      </c>
      <c r="E422" s="12" t="s">
        <v>63</v>
      </c>
      <c r="F422" s="15">
        <v>39875</v>
      </c>
      <c r="G422" s="14" t="s">
        <v>1946</v>
      </c>
      <c r="I422" s="4"/>
      <c r="J422" s="4"/>
      <c r="K422" s="4"/>
      <c r="L422" s="4"/>
    </row>
    <row r="423" spans="1:12" ht="14.25" customHeight="1" x14ac:dyDescent="0.25">
      <c r="A423" s="12" t="s">
        <v>1978</v>
      </c>
      <c r="B423" s="52" t="s">
        <v>1128</v>
      </c>
      <c r="C423" s="45"/>
      <c r="D423" s="12"/>
      <c r="E423" s="12"/>
      <c r="F423" s="15">
        <v>39955</v>
      </c>
      <c r="G423" s="14" t="s">
        <v>1979</v>
      </c>
      <c r="I423" s="4"/>
      <c r="J423" s="4"/>
      <c r="K423" s="4"/>
      <c r="L423" s="4"/>
    </row>
    <row r="424" spans="1:12" ht="14.25" customHeight="1" x14ac:dyDescent="0.25">
      <c r="A424" s="12" t="s">
        <v>1981</v>
      </c>
      <c r="B424" s="52" t="s">
        <v>69</v>
      </c>
      <c r="C424" s="45"/>
      <c r="D424" s="12" t="s">
        <v>1617</v>
      </c>
      <c r="E424" s="12" t="s">
        <v>1790</v>
      </c>
      <c r="F424" s="13">
        <v>39982</v>
      </c>
      <c r="G424" s="14" t="s">
        <v>1983</v>
      </c>
      <c r="I424" s="4"/>
      <c r="J424" s="4"/>
      <c r="K424" s="4"/>
      <c r="L424" s="4"/>
    </row>
    <row r="425" spans="1:12" ht="14.25" customHeight="1" x14ac:dyDescent="0.25">
      <c r="A425" s="12" t="s">
        <v>1632</v>
      </c>
      <c r="B425" s="52" t="s">
        <v>1987</v>
      </c>
      <c r="C425" s="45"/>
      <c r="D425" s="12"/>
      <c r="E425" s="12"/>
      <c r="F425" s="15">
        <v>40113</v>
      </c>
      <c r="G425" s="14" t="s">
        <v>752</v>
      </c>
      <c r="I425" s="4"/>
      <c r="J425" s="4"/>
      <c r="K425" s="4"/>
      <c r="L425" s="4"/>
    </row>
    <row r="426" spans="1:12" ht="14.25" customHeight="1" x14ac:dyDescent="0.25">
      <c r="A426" s="12" t="s">
        <v>1990</v>
      </c>
      <c r="B426" s="52" t="s">
        <v>1991</v>
      </c>
      <c r="C426" s="45"/>
      <c r="D426" s="12"/>
      <c r="E426" s="12"/>
      <c r="F426" s="16">
        <v>40114</v>
      </c>
      <c r="G426" s="14" t="s">
        <v>1992</v>
      </c>
      <c r="I426" s="4"/>
      <c r="J426" s="4"/>
      <c r="K426" s="4"/>
      <c r="L426" s="4"/>
    </row>
    <row r="427" spans="1:12" ht="14.25" customHeight="1" x14ac:dyDescent="0.25">
      <c r="A427" s="12" t="s">
        <v>1993</v>
      </c>
      <c r="B427" s="52" t="s">
        <v>1957</v>
      </c>
      <c r="C427" s="45"/>
      <c r="D427" s="12"/>
      <c r="E427" s="12"/>
      <c r="F427" s="15">
        <v>40115</v>
      </c>
      <c r="G427" s="14" t="s">
        <v>1994</v>
      </c>
      <c r="I427" s="4"/>
      <c r="J427" s="4"/>
      <c r="K427" s="4"/>
      <c r="L427" s="4"/>
    </row>
    <row r="428" spans="1:12" ht="14.25" customHeight="1" x14ac:dyDescent="0.25">
      <c r="A428" s="12" t="s">
        <v>1995</v>
      </c>
      <c r="B428" s="52" t="s">
        <v>1809</v>
      </c>
      <c r="C428" s="45"/>
      <c r="D428" s="12"/>
      <c r="E428" s="12"/>
      <c r="F428" s="13">
        <v>40124</v>
      </c>
      <c r="G428" s="14" t="s">
        <v>1997</v>
      </c>
      <c r="I428" s="4"/>
      <c r="J428" s="4"/>
      <c r="K428" s="4"/>
      <c r="L428" s="4"/>
    </row>
    <row r="429" spans="1:12" ht="14.25" customHeight="1" x14ac:dyDescent="0.25">
      <c r="A429" s="12" t="s">
        <v>2000</v>
      </c>
      <c r="B429" s="52" t="s">
        <v>2001</v>
      </c>
      <c r="C429" s="45"/>
      <c r="D429" s="12"/>
      <c r="E429" s="12"/>
      <c r="F429" s="13">
        <v>40135</v>
      </c>
      <c r="G429" s="14" t="s">
        <v>1766</v>
      </c>
      <c r="I429" s="4"/>
      <c r="J429" s="4"/>
      <c r="K429" s="4"/>
      <c r="L429" s="4"/>
    </row>
    <row r="430" spans="1:12" ht="14.25" customHeight="1" x14ac:dyDescent="0.25">
      <c r="A430" s="12" t="s">
        <v>2002</v>
      </c>
      <c r="B430" s="52" t="s">
        <v>1155</v>
      </c>
      <c r="C430" s="45"/>
      <c r="D430" s="12"/>
      <c r="E430" s="12"/>
      <c r="F430" s="13">
        <v>40138</v>
      </c>
      <c r="G430" s="14" t="s">
        <v>2003</v>
      </c>
      <c r="I430" s="4"/>
      <c r="J430" s="4"/>
      <c r="K430" s="4"/>
      <c r="L430" s="4"/>
    </row>
    <row r="431" spans="1:12" ht="14.25" customHeight="1" x14ac:dyDescent="0.25">
      <c r="A431" s="12" t="s">
        <v>1548</v>
      </c>
      <c r="B431" s="52" t="s">
        <v>2007</v>
      </c>
      <c r="C431" s="45"/>
      <c r="D431" s="12"/>
      <c r="E431" s="12"/>
      <c r="F431" s="13">
        <v>40239</v>
      </c>
      <c r="G431" s="14" t="s">
        <v>987</v>
      </c>
      <c r="I431" s="4"/>
      <c r="J431" s="4"/>
      <c r="K431" s="4"/>
      <c r="L431" s="4"/>
    </row>
    <row r="432" spans="1:12" ht="14.25" customHeight="1" x14ac:dyDescent="0.25">
      <c r="A432" s="12" t="s">
        <v>1726</v>
      </c>
      <c r="B432" s="52" t="s">
        <v>16</v>
      </c>
      <c r="C432" s="45"/>
      <c r="D432" s="12"/>
      <c r="E432" s="12"/>
      <c r="F432" s="13">
        <v>40255</v>
      </c>
      <c r="G432" s="14" t="s">
        <v>1006</v>
      </c>
      <c r="I432" s="4"/>
      <c r="J432" s="4"/>
      <c r="K432" s="4"/>
      <c r="L432" s="4"/>
    </row>
    <row r="433" spans="1:12" ht="14.25" customHeight="1" x14ac:dyDescent="0.25">
      <c r="A433" s="12" t="s">
        <v>1484</v>
      </c>
      <c r="B433" s="52" t="s">
        <v>2010</v>
      </c>
      <c r="C433" s="45"/>
      <c r="D433" s="12"/>
      <c r="E433" s="12"/>
      <c r="F433" s="13">
        <v>40257</v>
      </c>
      <c r="G433" s="14" t="s">
        <v>1976</v>
      </c>
      <c r="I433" s="4"/>
      <c r="J433" s="4"/>
      <c r="K433" s="4"/>
      <c r="L433" s="4"/>
    </row>
    <row r="434" spans="1:12" ht="14.25" customHeight="1" x14ac:dyDescent="0.25">
      <c r="A434" s="12" t="s">
        <v>2014</v>
      </c>
      <c r="B434" s="52" t="s">
        <v>1837</v>
      </c>
      <c r="C434" s="45"/>
      <c r="D434" s="12"/>
      <c r="E434" s="12"/>
      <c r="F434" s="13">
        <v>40304</v>
      </c>
      <c r="G434" s="14" t="s">
        <v>2016</v>
      </c>
      <c r="I434" s="4"/>
      <c r="J434" s="4"/>
      <c r="K434" s="4"/>
      <c r="L434" s="4"/>
    </row>
    <row r="435" spans="1:12" ht="14.25" customHeight="1" x14ac:dyDescent="0.25">
      <c r="A435" s="12" t="s">
        <v>2018</v>
      </c>
      <c r="B435" s="52" t="s">
        <v>2019</v>
      </c>
      <c r="C435" s="45" t="s">
        <v>625</v>
      </c>
      <c r="D435" s="12"/>
      <c r="E435" s="12"/>
      <c r="F435" s="13">
        <v>40317</v>
      </c>
      <c r="G435" s="14" t="s">
        <v>2020</v>
      </c>
      <c r="I435" s="4"/>
      <c r="J435" s="4"/>
      <c r="K435" s="4"/>
      <c r="L435" s="4"/>
    </row>
    <row r="436" spans="1:12" ht="14.25" customHeight="1" x14ac:dyDescent="0.25">
      <c r="A436" s="12" t="s">
        <v>2022</v>
      </c>
      <c r="B436" s="52" t="s">
        <v>2023</v>
      </c>
      <c r="C436" s="45"/>
      <c r="D436" s="12"/>
      <c r="E436" s="12"/>
      <c r="F436" s="13">
        <v>40320</v>
      </c>
      <c r="G436" s="14" t="s">
        <v>970</v>
      </c>
      <c r="I436" s="4"/>
      <c r="J436" s="4"/>
      <c r="K436" s="4"/>
      <c r="L436" s="4"/>
    </row>
    <row r="437" spans="1:12" ht="14.25" customHeight="1" x14ac:dyDescent="0.25">
      <c r="A437" s="12" t="s">
        <v>1616</v>
      </c>
      <c r="B437" s="52" t="s">
        <v>315</v>
      </c>
      <c r="C437" s="45"/>
      <c r="D437" s="12"/>
      <c r="E437" s="12"/>
      <c r="F437" s="13">
        <v>40325</v>
      </c>
      <c r="G437" s="14" t="s">
        <v>2021</v>
      </c>
      <c r="I437" s="4"/>
      <c r="J437" s="4"/>
      <c r="K437" s="4"/>
      <c r="L437" s="4"/>
    </row>
    <row r="438" spans="1:12" ht="14.25" customHeight="1" x14ac:dyDescent="0.25">
      <c r="A438" s="12" t="s">
        <v>2025</v>
      </c>
      <c r="B438" s="52" t="s">
        <v>2026</v>
      </c>
      <c r="C438" s="45"/>
      <c r="D438" s="12"/>
      <c r="E438" s="12"/>
      <c r="F438" s="13">
        <v>40323</v>
      </c>
      <c r="G438" s="14" t="s">
        <v>1629</v>
      </c>
      <c r="I438" s="4"/>
      <c r="J438" s="4"/>
      <c r="K438" s="4"/>
      <c r="L438" s="4"/>
    </row>
    <row r="439" spans="1:12" ht="14.25" customHeight="1" x14ac:dyDescent="0.25">
      <c r="A439" s="12" t="s">
        <v>2033</v>
      </c>
      <c r="B439" s="52" t="s">
        <v>2034</v>
      </c>
      <c r="C439" s="45"/>
      <c r="D439" s="12"/>
      <c r="E439" s="12"/>
      <c r="F439" s="13">
        <v>40394</v>
      </c>
      <c r="G439" s="14" t="s">
        <v>2035</v>
      </c>
      <c r="I439" s="4"/>
      <c r="J439" s="4"/>
      <c r="K439" s="4"/>
      <c r="L439" s="4"/>
    </row>
    <row r="440" spans="1:12" ht="14.25" customHeight="1" x14ac:dyDescent="0.25">
      <c r="A440" s="12" t="s">
        <v>1290</v>
      </c>
      <c r="B440" s="52" t="s">
        <v>404</v>
      </c>
      <c r="C440" s="45"/>
      <c r="D440" s="12"/>
      <c r="E440" s="12"/>
      <c r="F440" s="13">
        <v>40422</v>
      </c>
      <c r="G440" s="14" t="s">
        <v>817</v>
      </c>
      <c r="I440" s="4"/>
      <c r="J440" s="4"/>
      <c r="K440" s="4"/>
      <c r="L440" s="4"/>
    </row>
    <row r="441" spans="1:12" ht="14.25" customHeight="1" x14ac:dyDescent="0.25">
      <c r="A441" s="12" t="s">
        <v>2044</v>
      </c>
      <c r="B441" s="52" t="s">
        <v>2045</v>
      </c>
      <c r="C441" s="45"/>
      <c r="D441" s="12"/>
      <c r="E441" s="12"/>
      <c r="F441" s="13">
        <v>40432</v>
      </c>
      <c r="G441" s="14" t="s">
        <v>1530</v>
      </c>
      <c r="I441" s="4"/>
      <c r="J441" s="4"/>
      <c r="K441" s="4"/>
      <c r="L441" s="4"/>
    </row>
    <row r="442" spans="1:12" ht="14.25" customHeight="1" x14ac:dyDescent="0.25">
      <c r="A442" s="12" t="s">
        <v>806</v>
      </c>
      <c r="B442" s="52" t="s">
        <v>2745</v>
      </c>
      <c r="C442" s="45" t="s">
        <v>2047</v>
      </c>
      <c r="D442" s="12"/>
      <c r="E442" s="12"/>
      <c r="F442" s="13">
        <v>40471</v>
      </c>
      <c r="G442" s="14" t="s">
        <v>1233</v>
      </c>
      <c r="I442" s="4"/>
      <c r="J442" s="4"/>
      <c r="K442" s="4"/>
      <c r="L442" s="4"/>
    </row>
    <row r="443" spans="1:12" ht="14.25" customHeight="1" x14ac:dyDescent="0.25">
      <c r="A443" s="12" t="s">
        <v>2049</v>
      </c>
      <c r="B443" s="52" t="s">
        <v>2050</v>
      </c>
      <c r="C443" s="45" t="s">
        <v>2051</v>
      </c>
      <c r="D443" s="12"/>
      <c r="E443" s="12"/>
      <c r="F443" s="15">
        <v>40477</v>
      </c>
      <c r="G443" s="14" t="s">
        <v>1131</v>
      </c>
      <c r="I443" s="4"/>
      <c r="J443" s="4"/>
      <c r="K443" s="4"/>
      <c r="L443" s="4"/>
    </row>
    <row r="444" spans="1:12" ht="14.25" customHeight="1" x14ac:dyDescent="0.25">
      <c r="A444" s="12" t="s">
        <v>2055</v>
      </c>
      <c r="B444" s="52" t="s">
        <v>2056</v>
      </c>
      <c r="C444" s="45"/>
      <c r="D444" s="12"/>
      <c r="E444" s="12"/>
      <c r="F444" s="15">
        <v>40484</v>
      </c>
      <c r="G444" s="14" t="s">
        <v>2057</v>
      </c>
      <c r="I444" s="4"/>
      <c r="J444" s="4"/>
      <c r="K444" s="4"/>
      <c r="L444" s="4"/>
    </row>
    <row r="445" spans="1:12" ht="14.25" customHeight="1" x14ac:dyDescent="0.25">
      <c r="A445" s="12" t="s">
        <v>262</v>
      </c>
      <c r="B445" s="52" t="s">
        <v>1404</v>
      </c>
      <c r="C445" s="45"/>
      <c r="D445" s="12"/>
      <c r="E445" s="12"/>
      <c r="F445" s="15">
        <v>40485</v>
      </c>
      <c r="G445" s="14" t="s">
        <v>531</v>
      </c>
      <c r="I445" s="4"/>
      <c r="J445" s="4"/>
      <c r="K445" s="4"/>
      <c r="L445" s="4"/>
    </row>
    <row r="446" spans="1:12" ht="14.25" customHeight="1" x14ac:dyDescent="0.25">
      <c r="A446" s="12" t="s">
        <v>2059</v>
      </c>
      <c r="B446" s="52" t="s">
        <v>2060</v>
      </c>
      <c r="C446" s="45"/>
      <c r="D446" s="12"/>
      <c r="E446" s="12"/>
      <c r="F446" s="15">
        <v>40492</v>
      </c>
      <c r="G446" s="14" t="s">
        <v>1623</v>
      </c>
      <c r="I446" s="4"/>
      <c r="J446" s="4"/>
      <c r="K446" s="4"/>
      <c r="L446" s="4"/>
    </row>
    <row r="447" spans="1:12" ht="14.25" customHeight="1" x14ac:dyDescent="0.25">
      <c r="A447" s="12" t="s">
        <v>1300</v>
      </c>
      <c r="B447" s="52" t="s">
        <v>2061</v>
      </c>
      <c r="C447" s="45"/>
      <c r="D447" s="12"/>
      <c r="E447" s="12"/>
      <c r="F447" s="15">
        <v>40495</v>
      </c>
      <c r="G447" s="14" t="s">
        <v>81</v>
      </c>
      <c r="I447" s="4"/>
      <c r="J447" s="4"/>
      <c r="K447" s="4"/>
      <c r="L447" s="4"/>
    </row>
    <row r="448" spans="1:12" ht="14.25" customHeight="1" x14ac:dyDescent="0.25">
      <c r="A448" s="12" t="s">
        <v>1788</v>
      </c>
      <c r="B448" s="52" t="s">
        <v>1789</v>
      </c>
      <c r="C448" s="45" t="s">
        <v>1225</v>
      </c>
      <c r="D448" s="12"/>
      <c r="E448" s="12"/>
      <c r="F448" s="15">
        <v>40495</v>
      </c>
      <c r="G448" s="14" t="s">
        <v>1208</v>
      </c>
      <c r="I448" s="4"/>
      <c r="J448" s="4"/>
      <c r="K448" s="4"/>
      <c r="L448" s="4"/>
    </row>
    <row r="449" spans="1:12" ht="14.25" customHeight="1" x14ac:dyDescent="0.25">
      <c r="A449" s="12" t="s">
        <v>1910</v>
      </c>
      <c r="B449" s="52" t="s">
        <v>2063</v>
      </c>
      <c r="C449" s="45"/>
      <c r="D449" s="12"/>
      <c r="E449" s="12"/>
      <c r="F449" s="15">
        <v>40519</v>
      </c>
      <c r="G449" s="14" t="s">
        <v>2064</v>
      </c>
      <c r="I449" s="4"/>
      <c r="J449" s="4"/>
      <c r="K449" s="4"/>
      <c r="L449" s="4"/>
    </row>
    <row r="450" spans="1:12" ht="14.25" customHeight="1" x14ac:dyDescent="0.25">
      <c r="A450" s="12" t="s">
        <v>2065</v>
      </c>
      <c r="B450" s="52" t="s">
        <v>1483</v>
      </c>
      <c r="C450" s="45"/>
      <c r="D450" s="12"/>
      <c r="E450" s="12"/>
      <c r="F450" s="15">
        <v>40530</v>
      </c>
      <c r="G450" s="14" t="s">
        <v>2066</v>
      </c>
      <c r="I450" s="4"/>
      <c r="J450" s="4"/>
      <c r="K450" s="4"/>
      <c r="L450" s="4"/>
    </row>
    <row r="451" spans="1:12" ht="14.25" customHeight="1" x14ac:dyDescent="0.25">
      <c r="A451" s="12" t="s">
        <v>1634</v>
      </c>
      <c r="B451" s="52" t="s">
        <v>2068</v>
      </c>
      <c r="C451" s="45"/>
      <c r="D451" s="12"/>
      <c r="E451" s="12"/>
      <c r="F451" s="15">
        <v>40563</v>
      </c>
      <c r="G451" s="14" t="s">
        <v>1091</v>
      </c>
      <c r="I451" s="4"/>
      <c r="J451" s="4"/>
      <c r="K451" s="4"/>
      <c r="L451" s="4"/>
    </row>
    <row r="452" spans="1:12" ht="14.25" customHeight="1" x14ac:dyDescent="0.25">
      <c r="A452" s="12" t="s">
        <v>2072</v>
      </c>
      <c r="B452" s="52" t="s">
        <v>2073</v>
      </c>
      <c r="C452" s="45"/>
      <c r="D452" s="12" t="s">
        <v>2786</v>
      </c>
      <c r="E452" s="12" t="s">
        <v>2074</v>
      </c>
      <c r="F452" s="15">
        <v>40577</v>
      </c>
      <c r="G452" s="14" t="s">
        <v>705</v>
      </c>
      <c r="I452" s="4"/>
      <c r="J452" s="4"/>
      <c r="K452" s="4"/>
      <c r="L452" s="4"/>
    </row>
    <row r="453" spans="1:12" ht="14.25" customHeight="1" x14ac:dyDescent="0.25">
      <c r="A453" s="12" t="s">
        <v>1487</v>
      </c>
      <c r="B453" s="52" t="s">
        <v>846</v>
      </c>
      <c r="C453" s="45"/>
      <c r="D453" s="12"/>
      <c r="E453" s="12"/>
      <c r="F453" s="15">
        <v>40596</v>
      </c>
      <c r="G453" s="14" t="s">
        <v>637</v>
      </c>
      <c r="I453" s="4"/>
      <c r="J453" s="4"/>
      <c r="K453" s="4"/>
      <c r="L453" s="4"/>
    </row>
    <row r="454" spans="1:12" ht="14.25" customHeight="1" x14ac:dyDescent="0.25">
      <c r="A454" s="12" t="s">
        <v>2663</v>
      </c>
      <c r="B454" s="52" t="s">
        <v>2075</v>
      </c>
      <c r="C454" s="45"/>
      <c r="D454" s="12"/>
      <c r="E454" s="12"/>
      <c r="F454" s="15">
        <v>40599</v>
      </c>
      <c r="G454" s="14" t="s">
        <v>2076</v>
      </c>
      <c r="I454" s="4"/>
      <c r="J454" s="4"/>
      <c r="K454" s="4"/>
      <c r="L454" s="4"/>
    </row>
    <row r="455" spans="1:12" ht="14.25" customHeight="1" x14ac:dyDescent="0.25">
      <c r="A455" s="12" t="s">
        <v>2077</v>
      </c>
      <c r="B455" s="52" t="s">
        <v>645</v>
      </c>
      <c r="C455" s="45" t="s">
        <v>2078</v>
      </c>
      <c r="D455" s="12"/>
      <c r="E455" s="12"/>
      <c r="F455" s="15">
        <v>40605</v>
      </c>
      <c r="G455" s="14" t="s">
        <v>510</v>
      </c>
      <c r="I455" s="4"/>
      <c r="J455" s="4"/>
      <c r="K455" s="4"/>
      <c r="L455" s="4"/>
    </row>
    <row r="456" spans="1:12" ht="14.25" customHeight="1" x14ac:dyDescent="0.25">
      <c r="A456" s="12" t="s">
        <v>1782</v>
      </c>
      <c r="B456" s="52" t="s">
        <v>1249</v>
      </c>
      <c r="C456" s="45" t="s">
        <v>1346</v>
      </c>
      <c r="D456" s="12" t="s">
        <v>2801</v>
      </c>
      <c r="E456" s="12" t="s">
        <v>2080</v>
      </c>
      <c r="F456" s="15">
        <v>40634</v>
      </c>
      <c r="G456" s="14" t="s">
        <v>933</v>
      </c>
      <c r="I456" s="4"/>
      <c r="J456" s="4"/>
      <c r="K456" s="4"/>
      <c r="L456" s="4"/>
    </row>
    <row r="457" spans="1:12" ht="14.25" customHeight="1" x14ac:dyDescent="0.25">
      <c r="A457" s="12" t="s">
        <v>473</v>
      </c>
      <c r="B457" s="52" t="s">
        <v>2083</v>
      </c>
      <c r="C457" s="45"/>
      <c r="D457" s="12" t="s">
        <v>2787</v>
      </c>
      <c r="E457" s="12" t="s">
        <v>257</v>
      </c>
      <c r="F457" s="15">
        <v>40644</v>
      </c>
      <c r="G457" s="14" t="s">
        <v>2084</v>
      </c>
      <c r="I457" s="4"/>
      <c r="J457" s="4"/>
      <c r="K457" s="4"/>
      <c r="L457" s="4"/>
    </row>
    <row r="458" spans="1:12" ht="14.25" customHeight="1" x14ac:dyDescent="0.25">
      <c r="A458" s="12" t="s">
        <v>307</v>
      </c>
      <c r="B458" s="52" t="s">
        <v>2085</v>
      </c>
      <c r="C458" s="45"/>
      <c r="D458" s="12"/>
      <c r="E458" s="12"/>
      <c r="F458" s="15">
        <v>40656</v>
      </c>
      <c r="G458" s="14" t="s">
        <v>2086</v>
      </c>
      <c r="I458" s="4"/>
      <c r="J458" s="4"/>
      <c r="K458" s="4"/>
      <c r="L458" s="4"/>
    </row>
    <row r="459" spans="1:12" ht="14.25" customHeight="1" x14ac:dyDescent="0.25">
      <c r="A459" s="12" t="s">
        <v>2087</v>
      </c>
      <c r="B459" s="52" t="s">
        <v>1133</v>
      </c>
      <c r="C459" s="45"/>
      <c r="D459" s="12"/>
      <c r="E459" s="12"/>
      <c r="F459" s="15">
        <v>40654</v>
      </c>
      <c r="G459" s="14" t="s">
        <v>1296</v>
      </c>
      <c r="I459" s="4"/>
      <c r="J459" s="4"/>
      <c r="K459" s="4"/>
      <c r="L459" s="4"/>
    </row>
    <row r="460" spans="1:12" ht="14.25" customHeight="1" x14ac:dyDescent="0.25">
      <c r="A460" s="12" t="s">
        <v>2090</v>
      </c>
      <c r="B460" s="52" t="s">
        <v>2091</v>
      </c>
      <c r="C460" s="45"/>
      <c r="D460" s="12"/>
      <c r="E460" s="12"/>
      <c r="F460" s="15">
        <v>40662</v>
      </c>
      <c r="G460" s="14" t="s">
        <v>2092</v>
      </c>
      <c r="H460" s="4"/>
      <c r="I460" s="4"/>
      <c r="J460" s="4"/>
      <c r="K460" s="4"/>
      <c r="L460" s="4"/>
    </row>
    <row r="461" spans="1:12" ht="14.25" customHeight="1" x14ac:dyDescent="0.25">
      <c r="A461" s="12" t="s">
        <v>66</v>
      </c>
      <c r="B461" s="52" t="s">
        <v>1085</v>
      </c>
      <c r="C461" s="45" t="s">
        <v>2088</v>
      </c>
      <c r="D461" s="12"/>
      <c r="E461" s="12"/>
      <c r="F461" s="15">
        <v>40664</v>
      </c>
      <c r="G461" s="14" t="s">
        <v>1076</v>
      </c>
      <c r="I461" s="4"/>
      <c r="J461" s="4"/>
      <c r="K461" s="4"/>
      <c r="L461" s="4"/>
    </row>
    <row r="462" spans="1:12" ht="14.25" customHeight="1" x14ac:dyDescent="0.25">
      <c r="A462" s="12" t="s">
        <v>1853</v>
      </c>
      <c r="B462" s="52" t="s">
        <v>1636</v>
      </c>
      <c r="C462" s="45" t="s">
        <v>2093</v>
      </c>
      <c r="D462" s="12"/>
      <c r="E462" s="12"/>
      <c r="F462" s="15">
        <v>40686</v>
      </c>
      <c r="G462" s="14" t="s">
        <v>2008</v>
      </c>
      <c r="I462" s="4"/>
      <c r="J462" s="4"/>
      <c r="K462" s="4"/>
      <c r="L462" s="4"/>
    </row>
    <row r="463" spans="1:12" ht="14.25" customHeight="1" x14ac:dyDescent="0.25">
      <c r="A463" s="12" t="s">
        <v>435</v>
      </c>
      <c r="B463" s="52" t="s">
        <v>2096</v>
      </c>
      <c r="C463" s="45"/>
      <c r="D463" s="12"/>
      <c r="E463" s="12"/>
      <c r="F463" s="15">
        <v>40691</v>
      </c>
      <c r="G463" s="14" t="s">
        <v>2097</v>
      </c>
      <c r="I463" s="4"/>
      <c r="J463" s="4"/>
      <c r="K463" s="4"/>
      <c r="L463" s="4"/>
    </row>
    <row r="464" spans="1:12" ht="14.25" customHeight="1" x14ac:dyDescent="0.25">
      <c r="A464" s="12" t="s">
        <v>2094</v>
      </c>
      <c r="B464" s="52" t="s">
        <v>766</v>
      </c>
      <c r="C464" s="45"/>
      <c r="D464" s="12"/>
      <c r="E464" s="12"/>
      <c r="F464" s="15">
        <v>40692</v>
      </c>
      <c r="G464" s="14" t="s">
        <v>147</v>
      </c>
      <c r="I464" s="4"/>
      <c r="J464" s="4"/>
      <c r="K464" s="4"/>
      <c r="L464" s="4"/>
    </row>
    <row r="465" spans="1:12" ht="14.25" customHeight="1" x14ac:dyDescent="0.25">
      <c r="A465" s="12" t="s">
        <v>500</v>
      </c>
      <c r="B465" s="52" t="s">
        <v>2100</v>
      </c>
      <c r="C465" s="45"/>
      <c r="D465" s="12"/>
      <c r="E465" s="12"/>
      <c r="F465" s="15">
        <v>40730</v>
      </c>
      <c r="G465" s="14" t="s">
        <v>1893</v>
      </c>
      <c r="I465" s="4"/>
      <c r="J465" s="4"/>
      <c r="K465" s="4"/>
      <c r="L465" s="4"/>
    </row>
    <row r="466" spans="1:12" ht="14.25" customHeight="1" x14ac:dyDescent="0.25">
      <c r="A466" s="12" t="s">
        <v>1541</v>
      </c>
      <c r="B466" s="52" t="s">
        <v>2102</v>
      </c>
      <c r="C466" s="45"/>
      <c r="D466" s="12"/>
      <c r="E466" s="12"/>
      <c r="F466" s="15">
        <v>40739</v>
      </c>
      <c r="G466" s="14" t="s">
        <v>1360</v>
      </c>
      <c r="I466" s="4"/>
      <c r="J466" s="4"/>
      <c r="K466" s="4"/>
      <c r="L466" s="4"/>
    </row>
    <row r="467" spans="1:12" ht="14.25" customHeight="1" x14ac:dyDescent="0.25">
      <c r="A467" s="12" t="s">
        <v>1238</v>
      </c>
      <c r="B467" s="52" t="s">
        <v>1912</v>
      </c>
      <c r="C467" s="45"/>
      <c r="D467" s="12"/>
      <c r="E467" s="12"/>
      <c r="F467" s="15">
        <v>40743</v>
      </c>
      <c r="G467" s="14" t="s">
        <v>2101</v>
      </c>
      <c r="I467" s="4"/>
      <c r="J467" s="4"/>
      <c r="K467" s="4"/>
      <c r="L467" s="4"/>
    </row>
    <row r="468" spans="1:12" ht="14.25" customHeight="1" x14ac:dyDescent="0.25">
      <c r="A468" s="12" t="s">
        <v>408</v>
      </c>
      <c r="B468" s="52" t="s">
        <v>2005</v>
      </c>
      <c r="C468" s="45" t="s">
        <v>2104</v>
      </c>
      <c r="D468" s="12" t="s">
        <v>679</v>
      </c>
      <c r="E468" s="12" t="s">
        <v>2106</v>
      </c>
      <c r="F468" s="15">
        <v>40758</v>
      </c>
      <c r="G468" s="14" t="s">
        <v>1231</v>
      </c>
      <c r="I468" s="4"/>
      <c r="J468" s="4"/>
      <c r="K468" s="4"/>
      <c r="L468" s="4"/>
    </row>
    <row r="469" spans="1:12" ht="14.25" customHeight="1" x14ac:dyDescent="0.25">
      <c r="A469" s="12" t="s">
        <v>1699</v>
      </c>
      <c r="B469" s="52" t="s">
        <v>2110</v>
      </c>
      <c r="C469" s="45"/>
      <c r="D469" s="12"/>
      <c r="E469" s="12"/>
      <c r="F469" s="15">
        <v>40801</v>
      </c>
      <c r="G469" s="14" t="s">
        <v>2111</v>
      </c>
      <c r="I469" s="4"/>
      <c r="J469" s="4"/>
      <c r="K469" s="4"/>
      <c r="L469" s="4"/>
    </row>
    <row r="470" spans="1:12" ht="14.25" customHeight="1" x14ac:dyDescent="0.25">
      <c r="A470" s="12" t="s">
        <v>386</v>
      </c>
      <c r="B470" s="52" t="s">
        <v>415</v>
      </c>
      <c r="C470" s="45" t="s">
        <v>1184</v>
      </c>
      <c r="D470" s="12"/>
      <c r="E470" s="12"/>
      <c r="F470" s="15">
        <v>40819</v>
      </c>
      <c r="G470" s="14" t="s">
        <v>1696</v>
      </c>
      <c r="I470" s="4"/>
      <c r="J470" s="4"/>
      <c r="K470" s="4"/>
      <c r="L470" s="4"/>
    </row>
    <row r="471" spans="1:12" ht="14.25" customHeight="1" x14ac:dyDescent="0.25">
      <c r="A471" s="12" t="s">
        <v>2112</v>
      </c>
      <c r="B471" s="52" t="s">
        <v>2113</v>
      </c>
      <c r="C471" s="45"/>
      <c r="D471" s="12"/>
      <c r="E471" s="12"/>
      <c r="F471" s="15">
        <v>40848</v>
      </c>
      <c r="G471" s="14" t="s">
        <v>2115</v>
      </c>
      <c r="I471" s="4"/>
      <c r="J471" s="4"/>
      <c r="K471" s="4"/>
      <c r="L471" s="4"/>
    </row>
    <row r="472" spans="1:12" ht="14.25" customHeight="1" x14ac:dyDescent="0.25">
      <c r="A472" s="12" t="s">
        <v>1446</v>
      </c>
      <c r="B472" s="52" t="s">
        <v>2116</v>
      </c>
      <c r="C472" s="45"/>
      <c r="D472" s="12"/>
      <c r="E472" s="12"/>
      <c r="F472" s="15">
        <v>40850</v>
      </c>
      <c r="G472" s="14" t="s">
        <v>1282</v>
      </c>
      <c r="I472" s="4"/>
      <c r="J472" s="4"/>
      <c r="K472" s="4"/>
      <c r="L472" s="4"/>
    </row>
    <row r="473" spans="1:12" ht="14.25" customHeight="1" x14ac:dyDescent="0.25">
      <c r="A473" s="12" t="s">
        <v>1525</v>
      </c>
      <c r="B473" s="52" t="s">
        <v>2117</v>
      </c>
      <c r="C473" s="45"/>
      <c r="D473" s="12"/>
      <c r="E473" s="12"/>
      <c r="F473" s="15">
        <v>40899</v>
      </c>
      <c r="G473" s="14" t="s">
        <v>202</v>
      </c>
      <c r="I473" s="4"/>
      <c r="J473" s="4"/>
      <c r="K473" s="4"/>
      <c r="L473" s="4"/>
    </row>
    <row r="474" spans="1:12" ht="14.25" customHeight="1" x14ac:dyDescent="0.25">
      <c r="A474" s="12" t="s">
        <v>1301</v>
      </c>
      <c r="B474" s="52" t="s">
        <v>2118</v>
      </c>
      <c r="C474" s="45"/>
      <c r="D474" s="12"/>
      <c r="E474" s="12"/>
      <c r="F474" s="15">
        <v>40946</v>
      </c>
      <c r="G474" s="14" t="s">
        <v>1073</v>
      </c>
      <c r="I474" s="4"/>
      <c r="J474" s="4"/>
      <c r="K474" s="4"/>
      <c r="L474" s="4"/>
    </row>
    <row r="475" spans="1:12" ht="14.25" customHeight="1" x14ac:dyDescent="0.25">
      <c r="A475" s="12" t="s">
        <v>2120</v>
      </c>
      <c r="B475" s="52" t="s">
        <v>927</v>
      </c>
      <c r="C475" s="45"/>
      <c r="D475" s="12"/>
      <c r="E475" s="12"/>
      <c r="F475" s="15">
        <v>40960</v>
      </c>
      <c r="G475" s="14" t="s">
        <v>2122</v>
      </c>
      <c r="I475" s="4"/>
      <c r="J475" s="4"/>
      <c r="K475" s="4"/>
      <c r="L475" s="4"/>
    </row>
    <row r="476" spans="1:12" ht="14.25" customHeight="1" x14ac:dyDescent="0.25">
      <c r="A476" s="12" t="s">
        <v>2124</v>
      </c>
      <c r="B476" s="52" t="s">
        <v>853</v>
      </c>
      <c r="C476" s="45"/>
      <c r="D476" s="12"/>
      <c r="E476" s="12"/>
      <c r="F476" s="15">
        <v>40988</v>
      </c>
      <c r="G476" s="14" t="s">
        <v>2125</v>
      </c>
      <c r="I476" s="4"/>
      <c r="J476" s="4"/>
      <c r="K476" s="4"/>
      <c r="L476" s="4"/>
    </row>
    <row r="477" spans="1:12" ht="14.25" customHeight="1" x14ac:dyDescent="0.25">
      <c r="A477" s="12" t="s">
        <v>1381</v>
      </c>
      <c r="B477" s="52" t="s">
        <v>2126</v>
      </c>
      <c r="C477" s="45"/>
      <c r="D477" s="12"/>
      <c r="E477" s="12"/>
      <c r="F477" s="15">
        <v>41002</v>
      </c>
      <c r="G477" s="14" t="s">
        <v>157</v>
      </c>
      <c r="I477" s="4"/>
      <c r="J477" s="4"/>
      <c r="K477" s="4"/>
      <c r="L477" s="4"/>
    </row>
    <row r="478" spans="1:12" ht="14.25" customHeight="1" x14ac:dyDescent="0.25">
      <c r="A478" s="12" t="s">
        <v>1240</v>
      </c>
      <c r="B478" s="52" t="s">
        <v>1479</v>
      </c>
      <c r="C478" s="45"/>
      <c r="D478" s="12"/>
      <c r="E478" s="12"/>
      <c r="F478" s="13">
        <v>41009</v>
      </c>
      <c r="G478" s="14" t="s">
        <v>2127</v>
      </c>
      <c r="I478" s="4"/>
      <c r="J478" s="4"/>
      <c r="K478" s="4"/>
      <c r="L478" s="4"/>
    </row>
    <row r="479" spans="1:12" ht="14.25" customHeight="1" x14ac:dyDescent="0.25">
      <c r="A479" s="12" t="s">
        <v>944</v>
      </c>
      <c r="B479" s="52" t="s">
        <v>677</v>
      </c>
      <c r="C479" s="45" t="s">
        <v>2129</v>
      </c>
      <c r="D479" s="12"/>
      <c r="E479" s="12"/>
      <c r="F479" s="15">
        <v>41008</v>
      </c>
      <c r="G479" s="14" t="s">
        <v>426</v>
      </c>
      <c r="I479" s="4"/>
      <c r="J479" s="4"/>
      <c r="K479" s="4"/>
      <c r="L479" s="4"/>
    </row>
    <row r="480" spans="1:12" ht="14.25" customHeight="1" x14ac:dyDescent="0.25">
      <c r="A480" s="12" t="s">
        <v>2132</v>
      </c>
      <c r="B480" s="52" t="s">
        <v>1314</v>
      </c>
      <c r="C480" s="45" t="s">
        <v>2133</v>
      </c>
      <c r="D480" s="12"/>
      <c r="E480" s="12"/>
      <c r="F480" s="15">
        <v>41024</v>
      </c>
      <c r="G480" s="14" t="s">
        <v>895</v>
      </c>
      <c r="I480" s="4"/>
      <c r="J480" s="4"/>
      <c r="K480" s="4"/>
      <c r="L480" s="4"/>
    </row>
    <row r="481" spans="1:12" ht="14.25" customHeight="1" x14ac:dyDescent="0.25">
      <c r="A481" s="12" t="s">
        <v>655</v>
      </c>
      <c r="B481" s="52" t="s">
        <v>2134</v>
      </c>
      <c r="C481" s="45"/>
      <c r="D481" s="12" t="s">
        <v>2787</v>
      </c>
      <c r="E481" s="12" t="s">
        <v>257</v>
      </c>
      <c r="F481" s="15">
        <v>41038</v>
      </c>
      <c r="G481" s="14" t="s">
        <v>1027</v>
      </c>
      <c r="I481" s="4"/>
      <c r="J481" s="4"/>
      <c r="K481" s="4"/>
      <c r="L481" s="4"/>
    </row>
    <row r="482" spans="1:12" ht="14.25" customHeight="1" x14ac:dyDescent="0.25">
      <c r="A482" s="12" t="s">
        <v>2042</v>
      </c>
      <c r="B482" s="52" t="s">
        <v>2135</v>
      </c>
      <c r="C482" s="45"/>
      <c r="D482" s="12"/>
      <c r="E482" s="12"/>
      <c r="F482" s="15">
        <v>41043</v>
      </c>
      <c r="G482" s="14" t="s">
        <v>180</v>
      </c>
      <c r="I482" s="4"/>
      <c r="J482" s="4"/>
      <c r="K482" s="4"/>
      <c r="L482" s="4"/>
    </row>
    <row r="483" spans="1:12" ht="14.25" customHeight="1" x14ac:dyDescent="0.25">
      <c r="A483" s="12" t="s">
        <v>1392</v>
      </c>
      <c r="B483" s="52" t="s">
        <v>2130</v>
      </c>
      <c r="C483" s="45"/>
      <c r="D483" s="12"/>
      <c r="E483" s="12"/>
      <c r="F483" s="15">
        <v>41016</v>
      </c>
      <c r="G483" s="14" t="s">
        <v>2131</v>
      </c>
      <c r="I483" s="4"/>
      <c r="J483" s="4"/>
      <c r="K483" s="4"/>
      <c r="L483" s="4"/>
    </row>
    <row r="484" spans="1:12" ht="14.25" customHeight="1" x14ac:dyDescent="0.25">
      <c r="A484" s="12" t="s">
        <v>1628</v>
      </c>
      <c r="B484" s="52" t="s">
        <v>2140</v>
      </c>
      <c r="C484" s="45" t="s">
        <v>2029</v>
      </c>
      <c r="D484" s="12"/>
      <c r="E484" s="12"/>
      <c r="F484" s="15">
        <v>41051</v>
      </c>
      <c r="G484" s="14" t="s">
        <v>746</v>
      </c>
      <c r="I484" s="4"/>
      <c r="J484" s="4"/>
      <c r="K484" s="4"/>
      <c r="L484" s="4"/>
    </row>
    <row r="485" spans="1:12" ht="14.25" customHeight="1" x14ac:dyDescent="0.25">
      <c r="A485" s="12" t="s">
        <v>1909</v>
      </c>
      <c r="B485" s="52" t="s">
        <v>1605</v>
      </c>
      <c r="C485" s="45"/>
      <c r="D485" s="12"/>
      <c r="E485" s="12"/>
      <c r="F485" s="15">
        <v>41065</v>
      </c>
      <c r="G485" s="14" t="s">
        <v>553</v>
      </c>
      <c r="I485" s="4"/>
      <c r="J485" s="4"/>
      <c r="K485" s="4"/>
      <c r="L485" s="4"/>
    </row>
    <row r="486" spans="1:12" ht="14.25" customHeight="1" x14ac:dyDescent="0.25">
      <c r="A486" s="12" t="s">
        <v>373</v>
      </c>
      <c r="B486" s="52" t="s">
        <v>1313</v>
      </c>
      <c r="C486" s="45"/>
      <c r="D486" s="12"/>
      <c r="E486" s="12"/>
      <c r="F486" s="15">
        <v>41072</v>
      </c>
      <c r="G486" s="14" t="s">
        <v>736</v>
      </c>
      <c r="I486" s="4"/>
      <c r="J486" s="4"/>
      <c r="K486" s="4"/>
      <c r="L486" s="4"/>
    </row>
    <row r="487" spans="1:12" ht="14.25" customHeight="1" x14ac:dyDescent="0.25">
      <c r="A487" s="12" t="s">
        <v>1913</v>
      </c>
      <c r="B487" s="52" t="s">
        <v>1914</v>
      </c>
      <c r="C487" s="45"/>
      <c r="D487" s="12"/>
      <c r="E487" s="12"/>
      <c r="F487" s="15">
        <v>41075</v>
      </c>
      <c r="G487" s="14" t="s">
        <v>1915</v>
      </c>
      <c r="I487" s="4"/>
      <c r="J487" s="4"/>
      <c r="K487" s="4"/>
      <c r="L487" s="4"/>
    </row>
    <row r="488" spans="1:12" ht="14.25" customHeight="1" x14ac:dyDescent="0.25">
      <c r="A488" s="12" t="s">
        <v>1919</v>
      </c>
      <c r="B488" s="52" t="s">
        <v>1652</v>
      </c>
      <c r="C488" s="45"/>
      <c r="D488" s="12"/>
      <c r="E488" s="12"/>
      <c r="F488" s="15">
        <v>41123</v>
      </c>
      <c r="G488" s="14" t="s">
        <v>433</v>
      </c>
      <c r="I488" s="4"/>
      <c r="J488" s="4"/>
      <c r="K488" s="4"/>
      <c r="L488" s="4"/>
    </row>
    <row r="489" spans="1:12" ht="14.25" customHeight="1" x14ac:dyDescent="0.25">
      <c r="A489" s="12" t="s">
        <v>74</v>
      </c>
      <c r="B489" s="52" t="s">
        <v>1921</v>
      </c>
      <c r="C489" s="45"/>
      <c r="D489" s="12" t="s">
        <v>2802</v>
      </c>
      <c r="E489" s="12" t="s">
        <v>1922</v>
      </c>
      <c r="F489" s="15">
        <v>41158</v>
      </c>
      <c r="G489" s="14" t="s">
        <v>785</v>
      </c>
      <c r="I489" s="4"/>
      <c r="J489" s="4"/>
      <c r="K489" s="4"/>
      <c r="L489" s="4"/>
    </row>
    <row r="490" spans="1:12" ht="14.25" customHeight="1" x14ac:dyDescent="0.25">
      <c r="A490" s="12" t="s">
        <v>321</v>
      </c>
      <c r="B490" s="52" t="s">
        <v>1690</v>
      </c>
      <c r="C490" s="45" t="s">
        <v>2735</v>
      </c>
      <c r="D490" s="12"/>
      <c r="E490" s="12"/>
      <c r="F490" s="15">
        <v>41163</v>
      </c>
      <c r="G490" s="14" t="s">
        <v>1389</v>
      </c>
      <c r="I490" s="4"/>
      <c r="J490" s="4"/>
      <c r="K490" s="4"/>
      <c r="L490" s="4"/>
    </row>
    <row r="491" spans="1:12" ht="14.25" customHeight="1" x14ac:dyDescent="0.25">
      <c r="A491" s="12" t="s">
        <v>1923</v>
      </c>
      <c r="B491" s="52" t="s">
        <v>1924</v>
      </c>
      <c r="C491" s="45" t="s">
        <v>1925</v>
      </c>
      <c r="D491" s="12" t="s">
        <v>1757</v>
      </c>
      <c r="E491" s="12" t="s">
        <v>1802</v>
      </c>
      <c r="F491" s="15">
        <v>41183</v>
      </c>
      <c r="G491" s="14" t="s">
        <v>1433</v>
      </c>
      <c r="I491" s="4"/>
      <c r="J491" s="4"/>
      <c r="K491" s="4"/>
      <c r="L491" s="4"/>
    </row>
    <row r="492" spans="1:12" ht="14.25" customHeight="1" x14ac:dyDescent="0.25">
      <c r="A492" s="12" t="s">
        <v>826</v>
      </c>
      <c r="B492" s="52" t="s">
        <v>1927</v>
      </c>
      <c r="C492" s="45"/>
      <c r="D492" s="12" t="s">
        <v>957</v>
      </c>
      <c r="E492" s="12" t="s">
        <v>1507</v>
      </c>
      <c r="F492" s="15">
        <v>41205</v>
      </c>
      <c r="G492" s="14" t="s">
        <v>34</v>
      </c>
      <c r="I492" s="4"/>
      <c r="J492" s="4"/>
      <c r="K492" s="4"/>
      <c r="L492" s="4"/>
    </row>
    <row r="493" spans="1:12" ht="14.25" customHeight="1" x14ac:dyDescent="0.25">
      <c r="A493" s="12" t="s">
        <v>1931</v>
      </c>
      <c r="B493" s="52" t="s">
        <v>821</v>
      </c>
      <c r="C493" s="45"/>
      <c r="D493" s="12"/>
      <c r="E493" s="12"/>
      <c r="F493" s="15">
        <v>41206</v>
      </c>
      <c r="G493" s="14" t="s">
        <v>1461</v>
      </c>
      <c r="I493" s="4"/>
      <c r="J493" s="4"/>
      <c r="K493" s="4"/>
      <c r="L493" s="4"/>
    </row>
    <row r="494" spans="1:12" ht="14.25" customHeight="1" x14ac:dyDescent="0.25">
      <c r="A494" s="12" t="s">
        <v>1928</v>
      </c>
      <c r="B494" s="52" t="s">
        <v>937</v>
      </c>
      <c r="C494" s="45"/>
      <c r="D494" s="12"/>
      <c r="E494" s="12"/>
      <c r="F494" s="15">
        <v>41215</v>
      </c>
      <c r="G494" s="14" t="s">
        <v>1930</v>
      </c>
      <c r="I494" s="4"/>
      <c r="J494" s="4"/>
      <c r="K494" s="4"/>
      <c r="L494" s="4"/>
    </row>
    <row r="495" spans="1:12" ht="14.25" customHeight="1" x14ac:dyDescent="0.25">
      <c r="A495" s="12" t="s">
        <v>1089</v>
      </c>
      <c r="B495" s="52" t="s">
        <v>1932</v>
      </c>
      <c r="C495" s="45"/>
      <c r="D495" s="12"/>
      <c r="E495" s="12"/>
      <c r="F495" s="15">
        <v>41236</v>
      </c>
      <c r="G495" s="14" t="s">
        <v>533</v>
      </c>
      <c r="I495" s="4"/>
      <c r="J495" s="4"/>
      <c r="K495" s="4"/>
      <c r="L495" s="4"/>
    </row>
    <row r="496" spans="1:12" ht="14.25" customHeight="1" x14ac:dyDescent="0.25">
      <c r="A496" s="12" t="s">
        <v>1934</v>
      </c>
      <c r="B496" s="52" t="s">
        <v>778</v>
      </c>
      <c r="C496" s="45"/>
      <c r="D496" s="12"/>
      <c r="E496" s="12"/>
      <c r="F496" s="15">
        <v>41263</v>
      </c>
      <c r="G496" s="14" t="s">
        <v>1870</v>
      </c>
      <c r="I496" s="4"/>
      <c r="J496" s="4"/>
      <c r="K496" s="4"/>
      <c r="L496" s="4"/>
    </row>
    <row r="497" spans="1:12" ht="14.25" customHeight="1" x14ac:dyDescent="0.25">
      <c r="A497" s="12" t="s">
        <v>1935</v>
      </c>
      <c r="B497" s="52" t="s">
        <v>1937</v>
      </c>
      <c r="C497" s="45"/>
      <c r="D497" s="12"/>
      <c r="E497" s="12"/>
      <c r="F497" s="15">
        <v>41300</v>
      </c>
      <c r="G497" s="14" t="s">
        <v>861</v>
      </c>
      <c r="I497" s="4"/>
      <c r="J497" s="4"/>
      <c r="K497" s="4"/>
      <c r="L497" s="4"/>
    </row>
    <row r="498" spans="1:12" ht="14.25" customHeight="1" x14ac:dyDescent="0.25">
      <c r="A498" s="12" t="s">
        <v>1902</v>
      </c>
      <c r="B498" s="52" t="s">
        <v>1046</v>
      </c>
      <c r="C498" s="45"/>
      <c r="D498" s="12"/>
      <c r="E498" s="12"/>
      <c r="F498" s="15">
        <v>41299</v>
      </c>
      <c r="G498" s="14" t="s">
        <v>39</v>
      </c>
      <c r="I498" s="4"/>
      <c r="J498" s="4"/>
      <c r="K498" s="4"/>
      <c r="L498" s="4"/>
    </row>
    <row r="499" spans="1:12" ht="14.25" customHeight="1" x14ac:dyDescent="0.25">
      <c r="A499" s="12" t="s">
        <v>1025</v>
      </c>
      <c r="B499" s="52" t="s">
        <v>734</v>
      </c>
      <c r="C499" s="45"/>
      <c r="D499" s="12"/>
      <c r="E499" s="12"/>
      <c r="F499" s="15">
        <v>41325</v>
      </c>
      <c r="G499" s="14" t="s">
        <v>434</v>
      </c>
      <c r="I499" s="4"/>
      <c r="J499" s="4"/>
      <c r="K499" s="4"/>
      <c r="L499" s="4"/>
    </row>
    <row r="500" spans="1:12" ht="14.25" customHeight="1" x14ac:dyDescent="0.25">
      <c r="A500" s="12" t="s">
        <v>281</v>
      </c>
      <c r="B500" s="52" t="s">
        <v>1031</v>
      </c>
      <c r="C500" s="45"/>
      <c r="D500" s="12"/>
      <c r="E500" s="12"/>
      <c r="F500" s="13">
        <v>41375</v>
      </c>
      <c r="G500" s="14" t="s">
        <v>1138</v>
      </c>
      <c r="I500" s="4"/>
      <c r="J500" s="4"/>
      <c r="K500" s="4"/>
      <c r="L500" s="4"/>
    </row>
    <row r="501" spans="1:12" ht="14.25" customHeight="1" x14ac:dyDescent="0.25">
      <c r="A501" s="12" t="s">
        <v>1344</v>
      </c>
      <c r="B501" s="52" t="s">
        <v>1408</v>
      </c>
      <c r="C501" s="45" t="s">
        <v>1943</v>
      </c>
      <c r="D501" s="12" t="s">
        <v>906</v>
      </c>
      <c r="E501" s="12" t="s">
        <v>1315</v>
      </c>
      <c r="F501" s="15">
        <v>41381</v>
      </c>
      <c r="G501" s="14" t="s">
        <v>73</v>
      </c>
      <c r="I501" s="4"/>
      <c r="J501" s="4"/>
      <c r="K501" s="4"/>
      <c r="L501" s="4"/>
    </row>
    <row r="502" spans="1:12" ht="14.25" customHeight="1" x14ac:dyDescent="0.25">
      <c r="A502" s="12" t="s">
        <v>2141</v>
      </c>
      <c r="B502" s="52" t="s">
        <v>2052</v>
      </c>
      <c r="C502" s="45"/>
      <c r="D502" s="12"/>
      <c r="E502" s="12"/>
      <c r="F502" s="16">
        <v>41391</v>
      </c>
      <c r="G502" s="14" t="s">
        <v>1039</v>
      </c>
      <c r="I502" s="4"/>
      <c r="J502" s="4"/>
      <c r="K502" s="4"/>
      <c r="L502" s="4"/>
    </row>
    <row r="503" spans="1:12" ht="14.25" customHeight="1" x14ac:dyDescent="0.25">
      <c r="A503" s="12" t="s">
        <v>1365</v>
      </c>
      <c r="B503" s="52" t="s">
        <v>1567</v>
      </c>
      <c r="C503" s="45"/>
      <c r="D503" s="12"/>
      <c r="E503" s="12"/>
      <c r="F503" s="15">
        <v>41390</v>
      </c>
      <c r="G503" s="14" t="s">
        <v>25</v>
      </c>
      <c r="I503" s="4"/>
      <c r="J503" s="4"/>
      <c r="K503" s="4"/>
      <c r="L503" s="4"/>
    </row>
    <row r="504" spans="1:12" ht="14.25" customHeight="1" x14ac:dyDescent="0.25">
      <c r="A504" s="12" t="s">
        <v>1944</v>
      </c>
      <c r="B504" s="52" t="s">
        <v>79</v>
      </c>
      <c r="C504" s="45" t="s">
        <v>1945</v>
      </c>
      <c r="D504" s="12"/>
      <c r="E504" s="12"/>
      <c r="F504" s="13">
        <v>41395</v>
      </c>
      <c r="G504" s="14" t="s">
        <v>1949</v>
      </c>
      <c r="I504" s="4"/>
      <c r="J504" s="4"/>
      <c r="K504" s="4"/>
      <c r="L504" s="4"/>
    </row>
    <row r="505" spans="1:12" ht="14.25" customHeight="1" x14ac:dyDescent="0.25">
      <c r="A505" s="12" t="s">
        <v>1942</v>
      </c>
      <c r="B505" s="52" t="s">
        <v>1519</v>
      </c>
      <c r="C505" s="45"/>
      <c r="D505" s="12"/>
      <c r="E505" s="12"/>
      <c r="F505" s="15">
        <v>41380</v>
      </c>
      <c r="G505" s="14" t="s">
        <v>1596</v>
      </c>
      <c r="I505" s="4"/>
      <c r="J505" s="4"/>
      <c r="K505" s="4"/>
      <c r="L505" s="4"/>
    </row>
    <row r="506" spans="1:12" ht="14.25" customHeight="1" x14ac:dyDescent="0.25">
      <c r="A506" s="12" t="s">
        <v>1950</v>
      </c>
      <c r="B506" s="52" t="s">
        <v>1474</v>
      </c>
      <c r="C506" s="45"/>
      <c r="D506" s="12"/>
      <c r="E506" s="12"/>
      <c r="F506" s="15">
        <v>41394</v>
      </c>
      <c r="G506" s="14" t="s">
        <v>92</v>
      </c>
      <c r="I506" s="4"/>
      <c r="J506" s="4"/>
      <c r="K506" s="4"/>
      <c r="L506" s="4"/>
    </row>
    <row r="507" spans="1:12" ht="14.25" customHeight="1" x14ac:dyDescent="0.25">
      <c r="A507" s="12" t="s">
        <v>1939</v>
      </c>
      <c r="B507" s="52" t="s">
        <v>226</v>
      </c>
      <c r="C507" s="45"/>
      <c r="D507" s="12"/>
      <c r="E507" s="12"/>
      <c r="F507" s="15">
        <v>41380</v>
      </c>
      <c r="G507" s="14" t="s">
        <v>542</v>
      </c>
      <c r="I507" s="4"/>
      <c r="J507" s="4"/>
      <c r="K507" s="4"/>
      <c r="L507" s="4"/>
    </row>
    <row r="508" spans="1:12" ht="14.25" customHeight="1" x14ac:dyDescent="0.25">
      <c r="A508" s="12" t="s">
        <v>2615</v>
      </c>
      <c r="B508" s="52" t="s">
        <v>2144</v>
      </c>
      <c r="C508" s="45"/>
      <c r="D508" s="12"/>
      <c r="E508" s="12"/>
      <c r="F508" s="15">
        <v>41411</v>
      </c>
      <c r="G508" s="14" t="s">
        <v>1386</v>
      </c>
      <c r="H508" s="4"/>
      <c r="I508" s="4"/>
      <c r="J508" s="4"/>
      <c r="K508" s="4"/>
      <c r="L508" s="4"/>
    </row>
    <row r="509" spans="1:12" s="7" customFormat="1" ht="14.25" customHeight="1" x14ac:dyDescent="0.25">
      <c r="A509" s="12" t="s">
        <v>960</v>
      </c>
      <c r="B509" s="52" t="s">
        <v>2145</v>
      </c>
      <c r="C509" s="45"/>
      <c r="D509" s="12"/>
      <c r="E509" s="12"/>
      <c r="F509" s="15">
        <v>41417</v>
      </c>
      <c r="G509" s="14" t="s">
        <v>730</v>
      </c>
    </row>
    <row r="510" spans="1:12" ht="14.25" customHeight="1" x14ac:dyDescent="0.25">
      <c r="A510" s="12" t="s">
        <v>2146</v>
      </c>
      <c r="B510" s="52" t="s">
        <v>2147</v>
      </c>
      <c r="C510" s="45"/>
      <c r="D510" s="12"/>
      <c r="E510" s="12"/>
      <c r="F510" s="23">
        <v>41420</v>
      </c>
      <c r="G510" s="14" t="s">
        <v>896</v>
      </c>
      <c r="I510" s="4"/>
      <c r="J510" s="4"/>
      <c r="K510" s="4"/>
      <c r="L510" s="4"/>
    </row>
    <row r="511" spans="1:12" ht="14.25" customHeight="1" x14ac:dyDescent="0.25">
      <c r="A511" s="12" t="s">
        <v>935</v>
      </c>
      <c r="B511" s="52" t="s">
        <v>339</v>
      </c>
      <c r="C511" s="45"/>
      <c r="D511" s="12"/>
      <c r="E511" s="12"/>
      <c r="F511" s="15">
        <v>41430</v>
      </c>
      <c r="G511" s="14" t="s">
        <v>2148</v>
      </c>
      <c r="I511" s="4"/>
      <c r="J511" s="4"/>
      <c r="K511" s="4"/>
      <c r="L511" s="4"/>
    </row>
    <row r="512" spans="1:12" ht="14.25" customHeight="1" x14ac:dyDescent="0.25">
      <c r="A512" s="12" t="s">
        <v>2149</v>
      </c>
      <c r="B512" s="52" t="s">
        <v>1903</v>
      </c>
      <c r="C512" s="45"/>
      <c r="D512" s="12"/>
      <c r="E512" s="12"/>
      <c r="F512" s="15">
        <v>41440</v>
      </c>
      <c r="G512" s="14" t="s">
        <v>1380</v>
      </c>
      <c r="I512" s="4"/>
      <c r="J512" s="4"/>
      <c r="K512" s="4"/>
      <c r="L512" s="4"/>
    </row>
    <row r="513" spans="1:12" ht="14.25" customHeight="1" x14ac:dyDescent="0.25">
      <c r="A513" s="12" t="s">
        <v>2156</v>
      </c>
      <c r="B513" s="52" t="s">
        <v>802</v>
      </c>
      <c r="C513" s="45" t="s">
        <v>2157</v>
      </c>
      <c r="D513" s="12"/>
      <c r="E513" s="12"/>
      <c r="F513" s="15">
        <v>41472</v>
      </c>
      <c r="G513" s="14" t="s">
        <v>2159</v>
      </c>
      <c r="I513" s="4"/>
      <c r="J513" s="4"/>
      <c r="K513" s="4"/>
      <c r="L513" s="4"/>
    </row>
    <row r="514" spans="1:12" ht="14.25" customHeight="1" x14ac:dyDescent="0.25">
      <c r="A514" s="12" t="s">
        <v>1965</v>
      </c>
      <c r="B514" s="52" t="s">
        <v>1671</v>
      </c>
      <c r="C514" s="45"/>
      <c r="D514" s="12"/>
      <c r="E514" s="12"/>
      <c r="F514" s="13">
        <v>41513</v>
      </c>
      <c r="G514" s="14" t="s">
        <v>1379</v>
      </c>
      <c r="I514" s="4"/>
      <c r="J514" s="4"/>
      <c r="K514" s="4"/>
      <c r="L514" s="4"/>
    </row>
    <row r="515" spans="1:12" ht="14.25" customHeight="1" x14ac:dyDescent="0.25">
      <c r="A515" s="12" t="s">
        <v>2024</v>
      </c>
      <c r="B515" s="52" t="s">
        <v>1521</v>
      </c>
      <c r="C515" s="45" t="s">
        <v>1966</v>
      </c>
      <c r="D515" s="12"/>
      <c r="E515" s="12"/>
      <c r="F515" s="16">
        <v>41536</v>
      </c>
      <c r="G515" s="14" t="s">
        <v>325</v>
      </c>
      <c r="I515" s="4"/>
      <c r="J515" s="4"/>
      <c r="K515" s="4"/>
      <c r="L515" s="4"/>
    </row>
    <row r="516" spans="1:12" ht="14.25" customHeight="1" x14ac:dyDescent="0.25">
      <c r="A516" s="12" t="s">
        <v>593</v>
      </c>
      <c r="B516" s="52" t="s">
        <v>1739</v>
      </c>
      <c r="C516" s="45" t="s">
        <v>2048</v>
      </c>
      <c r="D516" s="12" t="s">
        <v>1427</v>
      </c>
      <c r="E516" s="12" t="s">
        <v>3062</v>
      </c>
      <c r="F516" s="16">
        <v>41549</v>
      </c>
      <c r="G516" s="14" t="s">
        <v>2161</v>
      </c>
      <c r="I516" s="4"/>
      <c r="J516" s="4"/>
      <c r="K516" s="4"/>
      <c r="L516" s="4"/>
    </row>
    <row r="517" spans="1:12" ht="14.25" customHeight="1" x14ac:dyDescent="0.25">
      <c r="A517" s="12" t="s">
        <v>2164</v>
      </c>
      <c r="B517" s="52" t="s">
        <v>13</v>
      </c>
      <c r="C517" s="45" t="s">
        <v>524</v>
      </c>
      <c r="D517" s="12"/>
      <c r="E517" s="12"/>
      <c r="F517" s="16">
        <v>41555</v>
      </c>
      <c r="G517" s="14" t="s">
        <v>1528</v>
      </c>
      <c r="I517" s="4"/>
      <c r="J517" s="4"/>
      <c r="K517" s="4"/>
      <c r="L517" s="4"/>
    </row>
    <row r="518" spans="1:12" ht="14.25" customHeight="1" x14ac:dyDescent="0.25">
      <c r="A518" s="12" t="s">
        <v>2162</v>
      </c>
      <c r="B518" s="52" t="s">
        <v>2163</v>
      </c>
      <c r="C518" s="45" t="s">
        <v>1333</v>
      </c>
      <c r="D518" s="12"/>
      <c r="E518" s="12"/>
      <c r="F518" s="13">
        <v>41557</v>
      </c>
      <c r="G518" s="14" t="s">
        <v>1327</v>
      </c>
      <c r="I518" s="4"/>
      <c r="J518" s="4"/>
      <c r="K518" s="4"/>
      <c r="L518" s="4"/>
    </row>
    <row r="519" spans="1:12" ht="14.25" customHeight="1" x14ac:dyDescent="0.25">
      <c r="A519" s="12" t="s">
        <v>2012</v>
      </c>
      <c r="B519" s="52" t="s">
        <v>2168</v>
      </c>
      <c r="C519" s="45"/>
      <c r="D519" s="12"/>
      <c r="E519" s="12"/>
      <c r="F519" s="13">
        <v>41579</v>
      </c>
      <c r="G519" s="14" t="s">
        <v>660</v>
      </c>
      <c r="I519" s="4"/>
      <c r="J519" s="4"/>
      <c r="K519" s="4"/>
      <c r="L519" s="4"/>
    </row>
    <row r="520" spans="1:12" ht="14.25" customHeight="1" x14ac:dyDescent="0.25">
      <c r="A520" s="12" t="s">
        <v>2174</v>
      </c>
      <c r="B520" s="52" t="s">
        <v>2175</v>
      </c>
      <c r="C520" s="45"/>
      <c r="D520" s="12"/>
      <c r="E520" s="12"/>
      <c r="F520" s="13">
        <v>41590</v>
      </c>
      <c r="G520" s="14" t="s">
        <v>807</v>
      </c>
      <c r="I520" s="4"/>
      <c r="J520" s="4"/>
      <c r="K520" s="4"/>
      <c r="L520" s="4"/>
    </row>
    <row r="521" spans="1:12" ht="14.25" customHeight="1" x14ac:dyDescent="0.25">
      <c r="A521" s="12" t="s">
        <v>962</v>
      </c>
      <c r="B521" s="52" t="s">
        <v>2170</v>
      </c>
      <c r="C521" s="45"/>
      <c r="D521" s="12"/>
      <c r="E521" s="12"/>
      <c r="F521" s="13">
        <v>41597</v>
      </c>
      <c r="G521" s="14" t="s">
        <v>2173</v>
      </c>
      <c r="I521" s="4"/>
      <c r="J521" s="4"/>
      <c r="K521" s="4"/>
      <c r="L521" s="4"/>
    </row>
    <row r="522" spans="1:12" ht="14.25" customHeight="1" x14ac:dyDescent="0.25">
      <c r="A522" s="12" t="s">
        <v>1406</v>
      </c>
      <c r="B522" s="52" t="s">
        <v>1407</v>
      </c>
      <c r="C522" s="45"/>
      <c r="D522" s="12"/>
      <c r="E522" s="12"/>
      <c r="F522" s="13">
        <v>41598</v>
      </c>
      <c r="G522" s="14" t="s">
        <v>2176</v>
      </c>
      <c r="I522" s="4"/>
      <c r="J522" s="4"/>
      <c r="K522" s="4"/>
      <c r="L522" s="4"/>
    </row>
    <row r="523" spans="1:12" ht="14.25" customHeight="1" x14ac:dyDescent="0.25">
      <c r="A523" s="12" t="s">
        <v>621</v>
      </c>
      <c r="B523" s="52" t="s">
        <v>1095</v>
      </c>
      <c r="C523" s="45"/>
      <c r="D523" s="12" t="s">
        <v>2070</v>
      </c>
      <c r="E523" s="12" t="s">
        <v>2570</v>
      </c>
      <c r="F523" s="13">
        <v>41619</v>
      </c>
      <c r="G523" s="14" t="s">
        <v>267</v>
      </c>
      <c r="I523" s="4"/>
      <c r="J523" s="4"/>
      <c r="K523" s="4"/>
      <c r="L523" s="4"/>
    </row>
    <row r="524" spans="1:12" ht="14.25" customHeight="1" x14ac:dyDescent="0.25">
      <c r="A524" s="12" t="s">
        <v>2179</v>
      </c>
      <c r="B524" s="52" t="s">
        <v>2180</v>
      </c>
      <c r="C524" s="45"/>
      <c r="D524" s="12"/>
      <c r="E524" s="12"/>
      <c r="F524" s="13">
        <v>41629</v>
      </c>
      <c r="G524" s="14" t="s">
        <v>2182</v>
      </c>
      <c r="I524" s="4"/>
      <c r="J524" s="4"/>
      <c r="K524" s="4"/>
      <c r="L524" s="4"/>
    </row>
    <row r="525" spans="1:12" ht="14.25" customHeight="1" x14ac:dyDescent="0.25">
      <c r="A525" s="12" t="s">
        <v>1423</v>
      </c>
      <c r="B525" s="52" t="s">
        <v>1220</v>
      </c>
      <c r="C525" s="45"/>
      <c r="D525" s="12"/>
      <c r="E525" s="12"/>
      <c r="F525" s="13">
        <v>41633</v>
      </c>
      <c r="G525" s="14" t="s">
        <v>2178</v>
      </c>
      <c r="I525" s="4"/>
      <c r="J525" s="4"/>
      <c r="K525" s="4"/>
      <c r="L525" s="4"/>
    </row>
    <row r="526" spans="1:12" ht="14.25" customHeight="1" x14ac:dyDescent="0.25">
      <c r="A526" s="12" t="s">
        <v>2183</v>
      </c>
      <c r="B526" s="52" t="s">
        <v>590</v>
      </c>
      <c r="C526" s="45"/>
      <c r="D526" s="12"/>
      <c r="E526" s="12"/>
      <c r="F526" s="13">
        <v>41657</v>
      </c>
      <c r="G526" s="14" t="s">
        <v>556</v>
      </c>
      <c r="I526" s="4"/>
      <c r="J526" s="4"/>
      <c r="K526" s="4"/>
      <c r="L526" s="4"/>
    </row>
    <row r="527" spans="1:12" ht="14.25" customHeight="1" x14ac:dyDescent="0.25">
      <c r="A527" s="12" t="s">
        <v>1611</v>
      </c>
      <c r="B527" s="52" t="s">
        <v>2186</v>
      </c>
      <c r="C527" s="45" t="s">
        <v>2187</v>
      </c>
      <c r="D527" s="12" t="s">
        <v>2803</v>
      </c>
      <c r="E527" s="12" t="s">
        <v>481</v>
      </c>
      <c r="F527" s="16">
        <v>41677</v>
      </c>
      <c r="G527" s="14" t="s">
        <v>710</v>
      </c>
      <c r="I527" s="4"/>
      <c r="J527" s="4"/>
      <c r="K527" s="4"/>
      <c r="L527" s="4"/>
    </row>
    <row r="528" spans="1:12" ht="14.25" customHeight="1" x14ac:dyDescent="0.25">
      <c r="A528" s="12" t="s">
        <v>2184</v>
      </c>
      <c r="B528" s="52" t="s">
        <v>1805</v>
      </c>
      <c r="C528" s="45" t="s">
        <v>142</v>
      </c>
      <c r="D528" s="12"/>
      <c r="E528" s="12"/>
      <c r="F528" s="13">
        <v>41681</v>
      </c>
      <c r="G528" s="14" t="s">
        <v>2185</v>
      </c>
      <c r="I528" s="4"/>
      <c r="J528" s="4"/>
      <c r="K528" s="4"/>
      <c r="L528" s="4"/>
    </row>
    <row r="529" spans="1:12" ht="14.25" customHeight="1" x14ac:dyDescent="0.25">
      <c r="A529" s="12" t="s">
        <v>2189</v>
      </c>
      <c r="B529" s="52" t="s">
        <v>1401</v>
      </c>
      <c r="C529" s="45"/>
      <c r="D529" s="12"/>
      <c r="E529" s="12"/>
      <c r="F529" s="16">
        <v>41681</v>
      </c>
      <c r="G529" s="14" t="s">
        <v>986</v>
      </c>
      <c r="I529" s="4"/>
      <c r="J529" s="4"/>
      <c r="K529" s="4"/>
      <c r="L529" s="4"/>
    </row>
    <row r="530" spans="1:12" ht="14.25" customHeight="1" x14ac:dyDescent="0.25">
      <c r="A530" s="12" t="s">
        <v>814</v>
      </c>
      <c r="B530" s="52" t="s">
        <v>1986</v>
      </c>
      <c r="C530" s="45" t="s">
        <v>2190</v>
      </c>
      <c r="D530" s="12" t="s">
        <v>2804</v>
      </c>
      <c r="E530" s="12" t="s">
        <v>2191</v>
      </c>
      <c r="F530" s="13">
        <v>41702</v>
      </c>
      <c r="G530" s="14" t="s">
        <v>954</v>
      </c>
      <c r="H530" s="4"/>
      <c r="I530" s="4"/>
      <c r="J530" s="4"/>
      <c r="K530" s="4"/>
      <c r="L530" s="4"/>
    </row>
    <row r="531" spans="1:12" ht="14.25" customHeight="1" x14ac:dyDescent="0.25">
      <c r="A531" s="12" t="s">
        <v>2192</v>
      </c>
      <c r="B531" s="52" t="s">
        <v>652</v>
      </c>
      <c r="C531" s="45"/>
      <c r="D531" s="12"/>
      <c r="E531" s="12"/>
      <c r="F531" s="16">
        <v>41710</v>
      </c>
      <c r="G531" s="14" t="s">
        <v>184</v>
      </c>
      <c r="I531" s="4"/>
      <c r="J531" s="4"/>
      <c r="K531" s="4"/>
      <c r="L531" s="4"/>
    </row>
    <row r="532" spans="1:12" ht="14.25" customHeight="1" x14ac:dyDescent="0.25">
      <c r="A532" s="12" t="s">
        <v>992</v>
      </c>
      <c r="B532" s="52" t="s">
        <v>290</v>
      </c>
      <c r="C532" s="45"/>
      <c r="D532" s="12"/>
      <c r="E532" s="12"/>
      <c r="F532" s="13">
        <v>41916</v>
      </c>
      <c r="G532" s="14" t="s">
        <v>2239</v>
      </c>
      <c r="I532" s="4"/>
      <c r="J532" s="4"/>
      <c r="K532" s="4"/>
      <c r="L532" s="4"/>
    </row>
    <row r="533" spans="1:12" ht="14.25" customHeight="1" x14ac:dyDescent="0.25">
      <c r="A533" s="12" t="s">
        <v>1074</v>
      </c>
      <c r="B533" s="52" t="s">
        <v>2648</v>
      </c>
      <c r="C533" s="45"/>
      <c r="D533" s="12"/>
      <c r="E533" s="12"/>
      <c r="F533" s="13">
        <v>41752</v>
      </c>
      <c r="G533" s="14" t="s">
        <v>1372</v>
      </c>
      <c r="I533" s="4"/>
      <c r="J533" s="4"/>
      <c r="K533" s="4"/>
      <c r="L533" s="4"/>
    </row>
    <row r="534" spans="1:12" ht="14.25" customHeight="1" x14ac:dyDescent="0.25">
      <c r="A534" s="12" t="s">
        <v>2243</v>
      </c>
      <c r="B534" s="52" t="s">
        <v>1153</v>
      </c>
      <c r="C534" s="45"/>
      <c r="D534" s="12"/>
      <c r="E534" s="12"/>
      <c r="F534" s="13">
        <v>41753</v>
      </c>
      <c r="G534" s="14" t="s">
        <v>753</v>
      </c>
      <c r="H534" s="4"/>
      <c r="I534" s="4"/>
      <c r="J534" s="4"/>
      <c r="K534" s="4"/>
      <c r="L534" s="4"/>
    </row>
    <row r="535" spans="1:12" ht="14.25" customHeight="1" x14ac:dyDescent="0.25">
      <c r="A535" s="12" t="s">
        <v>1699</v>
      </c>
      <c r="B535" s="52" t="s">
        <v>1322</v>
      </c>
      <c r="C535" s="45"/>
      <c r="D535" s="12"/>
      <c r="E535" s="12"/>
      <c r="F535" s="13">
        <v>41773</v>
      </c>
      <c r="G535" s="14" t="s">
        <v>2244</v>
      </c>
      <c r="I535" s="4"/>
      <c r="J535" s="4"/>
      <c r="K535" s="4"/>
      <c r="L535" s="4"/>
    </row>
    <row r="536" spans="1:12" ht="14.25" customHeight="1" x14ac:dyDescent="0.25">
      <c r="A536" s="12" t="s">
        <v>445</v>
      </c>
      <c r="B536" s="52" t="s">
        <v>1505</v>
      </c>
      <c r="C536" s="45"/>
      <c r="D536" s="12"/>
      <c r="E536" s="12"/>
      <c r="F536" s="13">
        <v>41788</v>
      </c>
      <c r="G536" s="14" t="s">
        <v>2246</v>
      </c>
      <c r="I536" s="4"/>
      <c r="J536" s="4"/>
      <c r="K536" s="4"/>
      <c r="L536" s="4"/>
    </row>
    <row r="537" spans="1:12" ht="14.25" customHeight="1" x14ac:dyDescent="0.25">
      <c r="A537" s="12" t="s">
        <v>238</v>
      </c>
      <c r="B537" s="52" t="s">
        <v>1051</v>
      </c>
      <c r="C537" s="45" t="s">
        <v>2247</v>
      </c>
      <c r="D537" s="12"/>
      <c r="E537" s="12"/>
      <c r="F537" s="13">
        <v>41800</v>
      </c>
      <c r="G537" s="14" t="s">
        <v>1547</v>
      </c>
      <c r="I537" s="4"/>
      <c r="J537" s="4"/>
      <c r="K537" s="4"/>
      <c r="L537" s="4"/>
    </row>
    <row r="538" spans="1:12" ht="14.25" customHeight="1" x14ac:dyDescent="0.25">
      <c r="A538" s="12" t="s">
        <v>2249</v>
      </c>
      <c r="B538" s="52" t="s">
        <v>551</v>
      </c>
      <c r="C538" s="45"/>
      <c r="D538" s="12" t="s">
        <v>2805</v>
      </c>
      <c r="E538" s="12" t="s">
        <v>1329</v>
      </c>
      <c r="F538" s="13">
        <v>41841</v>
      </c>
      <c r="G538" s="14" t="s">
        <v>2250</v>
      </c>
      <c r="I538" s="4"/>
      <c r="J538" s="4"/>
      <c r="K538" s="4"/>
      <c r="L538" s="4"/>
    </row>
    <row r="539" spans="1:12" ht="14.25" customHeight="1" x14ac:dyDescent="0.25">
      <c r="A539" s="12" t="s">
        <v>696</v>
      </c>
      <c r="B539" s="52" t="s">
        <v>1638</v>
      </c>
      <c r="C539" s="45"/>
      <c r="D539" s="12" t="s">
        <v>2787</v>
      </c>
      <c r="E539" s="12" t="s">
        <v>257</v>
      </c>
      <c r="F539" s="13">
        <v>41843</v>
      </c>
      <c r="G539" s="14" t="s">
        <v>993</v>
      </c>
      <c r="I539" s="4"/>
      <c r="J539" s="4"/>
      <c r="K539" s="4"/>
      <c r="L539" s="4"/>
    </row>
    <row r="540" spans="1:12" ht="14.25" customHeight="1" x14ac:dyDescent="0.25">
      <c r="A540" s="12" t="s">
        <v>1769</v>
      </c>
      <c r="B540" s="52" t="s">
        <v>2253</v>
      </c>
      <c r="C540" s="45" t="s">
        <v>2235</v>
      </c>
      <c r="D540" s="12"/>
      <c r="E540" s="12"/>
      <c r="F540" s="13">
        <v>41845</v>
      </c>
      <c r="G540" s="14" t="s">
        <v>378</v>
      </c>
      <c r="I540" s="4"/>
      <c r="J540" s="4"/>
      <c r="K540" s="4"/>
      <c r="L540" s="4"/>
    </row>
    <row r="541" spans="1:12" ht="14.25" customHeight="1" x14ac:dyDescent="0.25">
      <c r="A541" s="12" t="s">
        <v>2254</v>
      </c>
      <c r="B541" s="52" t="s">
        <v>1724</v>
      </c>
      <c r="C541" s="45"/>
      <c r="D541" s="12"/>
      <c r="E541" s="12"/>
      <c r="F541" s="13">
        <v>41846</v>
      </c>
      <c r="G541" s="14" t="s">
        <v>2255</v>
      </c>
      <c r="I541" s="4"/>
      <c r="J541" s="4"/>
      <c r="K541" s="4"/>
      <c r="L541" s="4"/>
    </row>
    <row r="542" spans="1:12" ht="14.25" customHeight="1" x14ac:dyDescent="0.25">
      <c r="A542" s="12" t="s">
        <v>2257</v>
      </c>
      <c r="B542" s="52" t="s">
        <v>1420</v>
      </c>
      <c r="C542" s="45"/>
      <c r="D542" s="12" t="s">
        <v>2489</v>
      </c>
      <c r="E542" s="12" t="s">
        <v>1203</v>
      </c>
      <c r="F542" s="16">
        <v>41852</v>
      </c>
      <c r="G542" s="14" t="s">
        <v>191</v>
      </c>
      <c r="I542" s="4"/>
      <c r="J542" s="4"/>
      <c r="K542" s="4"/>
      <c r="L542" s="4"/>
    </row>
    <row r="543" spans="1:12" ht="14.25" customHeight="1" x14ac:dyDescent="0.25">
      <c r="A543" s="12" t="s">
        <v>877</v>
      </c>
      <c r="B543" s="52" t="s">
        <v>790</v>
      </c>
      <c r="C543" s="45"/>
      <c r="D543" s="12"/>
      <c r="E543" s="12"/>
      <c r="F543" s="13">
        <v>41856</v>
      </c>
      <c r="G543" s="14" t="s">
        <v>429</v>
      </c>
      <c r="I543" s="4"/>
      <c r="J543" s="4"/>
      <c r="K543" s="4"/>
      <c r="L543" s="4"/>
    </row>
    <row r="544" spans="1:12" ht="14.25" customHeight="1" x14ac:dyDescent="0.25">
      <c r="A544" s="12" t="s">
        <v>1786</v>
      </c>
      <c r="B544" s="52" t="s">
        <v>2258</v>
      </c>
      <c r="C544" s="45"/>
      <c r="D544" s="12"/>
      <c r="E544" s="12"/>
      <c r="F544" s="13">
        <v>41868</v>
      </c>
      <c r="G544" s="14" t="s">
        <v>376</v>
      </c>
      <c r="I544" s="4"/>
      <c r="J544" s="4"/>
      <c r="K544" s="4"/>
      <c r="L544" s="4"/>
    </row>
    <row r="545" spans="1:12" ht="14.25" customHeight="1" x14ac:dyDescent="0.25">
      <c r="A545" s="12" t="s">
        <v>664</v>
      </c>
      <c r="B545" s="52" t="s">
        <v>2259</v>
      </c>
      <c r="C545" s="45"/>
      <c r="D545" s="12"/>
      <c r="E545" s="12"/>
      <c r="F545" s="13">
        <v>41871</v>
      </c>
      <c r="G545" s="14" t="s">
        <v>1832</v>
      </c>
      <c r="I545" s="4"/>
      <c r="J545" s="4"/>
      <c r="K545" s="4"/>
      <c r="L545" s="4"/>
    </row>
    <row r="546" spans="1:12" ht="14.25" customHeight="1" x14ac:dyDescent="0.25">
      <c r="A546" s="12" t="s">
        <v>965</v>
      </c>
      <c r="B546" s="52" t="s">
        <v>354</v>
      </c>
      <c r="C546" s="45"/>
      <c r="D546" s="12"/>
      <c r="E546" s="12"/>
      <c r="F546" s="13">
        <v>41884</v>
      </c>
      <c r="G546" s="14" t="s">
        <v>2261</v>
      </c>
      <c r="I546" s="4"/>
      <c r="J546" s="4"/>
      <c r="K546" s="4"/>
      <c r="L546" s="4"/>
    </row>
    <row r="547" spans="1:12" ht="14.25" customHeight="1" x14ac:dyDescent="0.25">
      <c r="A547" s="12" t="s">
        <v>805</v>
      </c>
      <c r="B547" s="52" t="s">
        <v>2265</v>
      </c>
      <c r="C547" s="45" t="s">
        <v>1968</v>
      </c>
      <c r="D547" s="12"/>
      <c r="E547" s="12"/>
      <c r="F547" s="16">
        <v>41895</v>
      </c>
      <c r="G547" s="14" t="s">
        <v>2266</v>
      </c>
      <c r="I547" s="4"/>
      <c r="J547" s="4"/>
      <c r="K547" s="4"/>
      <c r="L547" s="4"/>
    </row>
    <row r="548" spans="1:12" ht="14.25" customHeight="1" x14ac:dyDescent="0.25">
      <c r="A548" s="12" t="s">
        <v>2840</v>
      </c>
      <c r="B548" s="52" t="s">
        <v>2267</v>
      </c>
      <c r="C548" s="45"/>
      <c r="D548" s="12" t="s">
        <v>2800</v>
      </c>
      <c r="E548" s="12" t="s">
        <v>1356</v>
      </c>
      <c r="F548" s="13">
        <v>41904</v>
      </c>
      <c r="G548" s="14" t="s">
        <v>2268</v>
      </c>
      <c r="I548" s="4"/>
      <c r="J548" s="4"/>
      <c r="K548" s="4"/>
      <c r="L548" s="4"/>
    </row>
    <row r="549" spans="1:12" ht="14.25" customHeight="1" x14ac:dyDescent="0.25">
      <c r="A549" s="12" t="s">
        <v>2262</v>
      </c>
      <c r="B549" s="52" t="s">
        <v>2263</v>
      </c>
      <c r="C549" s="45"/>
      <c r="D549" s="12"/>
      <c r="E549" s="12"/>
      <c r="F549" s="13">
        <v>41916</v>
      </c>
      <c r="G549" s="14" t="s">
        <v>837</v>
      </c>
      <c r="I549" s="4"/>
      <c r="J549" s="4"/>
      <c r="K549" s="4"/>
      <c r="L549" s="4"/>
    </row>
    <row r="550" spans="1:12" ht="14.25" customHeight="1" x14ac:dyDescent="0.25">
      <c r="A550" s="12" t="s">
        <v>2271</v>
      </c>
      <c r="B550" s="52" t="s">
        <v>630</v>
      </c>
      <c r="C550" s="45" t="s">
        <v>2272</v>
      </c>
      <c r="D550" s="12"/>
      <c r="E550" s="12"/>
      <c r="F550" s="13">
        <v>41922</v>
      </c>
      <c r="G550" s="14" t="s">
        <v>2273</v>
      </c>
      <c r="I550" s="4"/>
      <c r="J550" s="4"/>
      <c r="K550" s="4"/>
      <c r="L550" s="4"/>
    </row>
    <row r="551" spans="1:12" ht="14.25" customHeight="1" x14ac:dyDescent="0.25">
      <c r="A551" s="12" t="s">
        <v>2274</v>
      </c>
      <c r="B551" s="52" t="s">
        <v>1359</v>
      </c>
      <c r="C551" s="45"/>
      <c r="D551" s="12"/>
      <c r="E551" s="12"/>
      <c r="F551" s="13">
        <v>41928</v>
      </c>
      <c r="G551" s="14" t="s">
        <v>1627</v>
      </c>
      <c r="I551" s="4"/>
      <c r="J551" s="4"/>
      <c r="K551" s="4"/>
      <c r="L551" s="4"/>
    </row>
    <row r="552" spans="1:12" ht="14.25" customHeight="1" x14ac:dyDescent="0.25">
      <c r="A552" s="12" t="s">
        <v>287</v>
      </c>
      <c r="B552" s="52" t="s">
        <v>635</v>
      </c>
      <c r="C552" s="45"/>
      <c r="D552" s="12"/>
      <c r="E552" s="12"/>
      <c r="F552" s="13">
        <v>41932</v>
      </c>
      <c r="G552" s="14" t="s">
        <v>2270</v>
      </c>
      <c r="H552" s="4"/>
      <c r="I552" s="4"/>
      <c r="J552" s="4"/>
      <c r="K552" s="4"/>
      <c r="L552" s="4"/>
    </row>
    <row r="553" spans="1:12" ht="14.25" customHeight="1" x14ac:dyDescent="0.25">
      <c r="A553" s="12" t="s">
        <v>3005</v>
      </c>
      <c r="B553" s="52" t="s">
        <v>1257</v>
      </c>
      <c r="C553" s="45" t="s">
        <v>2041</v>
      </c>
      <c r="D553" s="12" t="s">
        <v>2806</v>
      </c>
      <c r="E553" s="12" t="s">
        <v>2609</v>
      </c>
      <c r="F553" s="13">
        <v>41933</v>
      </c>
      <c r="G553" s="14" t="s">
        <v>209</v>
      </c>
      <c r="I553" s="4"/>
      <c r="J553" s="4"/>
      <c r="K553" s="4"/>
      <c r="L553" s="4"/>
    </row>
    <row r="554" spans="1:12" ht="14.25" customHeight="1" x14ac:dyDescent="0.25">
      <c r="A554" s="12" t="s">
        <v>31</v>
      </c>
      <c r="B554" s="52" t="s">
        <v>886</v>
      </c>
      <c r="C554" s="45"/>
      <c r="D554" s="12"/>
      <c r="E554" s="12"/>
      <c r="F554" s="13">
        <v>41944</v>
      </c>
      <c r="G554" s="14" t="s">
        <v>1758</v>
      </c>
      <c r="I554" s="4"/>
      <c r="J554" s="4"/>
      <c r="K554" s="4"/>
      <c r="L554" s="4"/>
    </row>
    <row r="555" spans="1:12" ht="14.25" customHeight="1" x14ac:dyDescent="0.25">
      <c r="A555" s="12" t="s">
        <v>2276</v>
      </c>
      <c r="B555" s="52" t="s">
        <v>2277</v>
      </c>
      <c r="C555" s="45"/>
      <c r="D555" s="12"/>
      <c r="E555" s="12"/>
      <c r="F555" s="13">
        <v>41954</v>
      </c>
      <c r="G555" s="14" t="s">
        <v>1856</v>
      </c>
      <c r="I555" s="4"/>
      <c r="J555" s="4"/>
      <c r="K555" s="4"/>
      <c r="L555" s="4"/>
    </row>
    <row r="556" spans="1:12" ht="14.25" customHeight="1" x14ac:dyDescent="0.25">
      <c r="A556" s="12" t="s">
        <v>45</v>
      </c>
      <c r="B556" s="52" t="s">
        <v>2278</v>
      </c>
      <c r="C556" s="45" t="s">
        <v>1410</v>
      </c>
      <c r="D556" s="12"/>
      <c r="E556" s="12"/>
      <c r="F556" s="13">
        <v>41968</v>
      </c>
      <c r="G556" s="14" t="s">
        <v>2279</v>
      </c>
      <c r="I556" s="4"/>
      <c r="J556" s="4"/>
      <c r="K556" s="4"/>
      <c r="L556" s="4"/>
    </row>
    <row r="557" spans="1:12" ht="14.25" customHeight="1" x14ac:dyDescent="0.25">
      <c r="A557" s="12" t="s">
        <v>2281</v>
      </c>
      <c r="B557" s="52" t="s">
        <v>1036</v>
      </c>
      <c r="C557" s="45" t="s">
        <v>924</v>
      </c>
      <c r="D557" s="12"/>
      <c r="E557" s="12"/>
      <c r="F557" s="13">
        <v>42066</v>
      </c>
      <c r="G557" s="14" t="s">
        <v>530</v>
      </c>
      <c r="I557" s="4"/>
      <c r="J557" s="4"/>
      <c r="K557" s="4"/>
      <c r="L557" s="4"/>
    </row>
    <row r="558" spans="1:12" ht="14.25" customHeight="1" x14ac:dyDescent="0.25">
      <c r="A558" s="12" t="s">
        <v>2284</v>
      </c>
      <c r="B558" s="52" t="s">
        <v>2285</v>
      </c>
      <c r="C558" s="45"/>
      <c r="D558" s="12"/>
      <c r="E558" s="12"/>
      <c r="F558" s="13">
        <v>42079</v>
      </c>
      <c r="G558" s="14" t="s">
        <v>2286</v>
      </c>
      <c r="I558" s="4"/>
      <c r="J558" s="4"/>
      <c r="K558" s="4"/>
      <c r="L558" s="4"/>
    </row>
    <row r="559" spans="1:12" ht="14.25" customHeight="1" x14ac:dyDescent="0.25">
      <c r="A559" s="12" t="s">
        <v>881</v>
      </c>
      <c r="B559" s="52" t="s">
        <v>2288</v>
      </c>
      <c r="C559" s="45"/>
      <c r="D559" s="12"/>
      <c r="E559" s="12"/>
      <c r="F559" s="13">
        <v>42083</v>
      </c>
      <c r="G559" s="14" t="s">
        <v>854</v>
      </c>
      <c r="I559" s="4"/>
      <c r="J559" s="4"/>
      <c r="K559" s="4"/>
      <c r="L559" s="4"/>
    </row>
    <row r="560" spans="1:12" ht="14.25" customHeight="1" x14ac:dyDescent="0.25">
      <c r="A560" s="12" t="s">
        <v>1777</v>
      </c>
      <c r="B560" s="52" t="s">
        <v>1988</v>
      </c>
      <c r="C560" s="45"/>
      <c r="D560" s="12"/>
      <c r="E560" s="12"/>
      <c r="F560" s="13">
        <v>42098</v>
      </c>
      <c r="G560" s="14" t="s">
        <v>2293</v>
      </c>
      <c r="I560" s="4"/>
      <c r="J560" s="4"/>
      <c r="K560" s="4"/>
      <c r="L560" s="4"/>
    </row>
    <row r="561" spans="1:12" ht="14.25" customHeight="1" x14ac:dyDescent="0.25">
      <c r="A561" s="12" t="s">
        <v>2294</v>
      </c>
      <c r="B561" s="52" t="s">
        <v>264</v>
      </c>
      <c r="C561" s="45"/>
      <c r="D561" s="12"/>
      <c r="E561" s="12"/>
      <c r="F561" s="13">
        <v>42098</v>
      </c>
      <c r="G561" s="14" t="s">
        <v>410</v>
      </c>
      <c r="I561" s="4"/>
      <c r="J561" s="4"/>
      <c r="K561" s="4"/>
      <c r="L561" s="4"/>
    </row>
    <row r="562" spans="1:12" ht="14.25" customHeight="1" x14ac:dyDescent="0.25">
      <c r="A562" s="12" t="s">
        <v>574</v>
      </c>
      <c r="B562" s="52" t="s">
        <v>399</v>
      </c>
      <c r="C562" s="45" t="s">
        <v>2295</v>
      </c>
      <c r="D562" s="12"/>
      <c r="E562" s="12"/>
      <c r="F562" s="13">
        <v>42102</v>
      </c>
      <c r="G562" s="14" t="s">
        <v>248</v>
      </c>
      <c r="I562" s="4"/>
      <c r="J562" s="4"/>
      <c r="K562" s="4"/>
      <c r="L562" s="4"/>
    </row>
    <row r="563" spans="1:12" ht="14.25" customHeight="1" x14ac:dyDescent="0.25">
      <c r="A563" s="12" t="s">
        <v>834</v>
      </c>
      <c r="B563" s="52" t="s">
        <v>2296</v>
      </c>
      <c r="C563" s="45"/>
      <c r="D563" s="12" t="s">
        <v>584</v>
      </c>
      <c r="E563" s="12" t="s">
        <v>1206</v>
      </c>
      <c r="F563" s="13">
        <v>42109</v>
      </c>
      <c r="G563" s="14" t="s">
        <v>134</v>
      </c>
      <c r="I563" s="4"/>
      <c r="J563" s="4"/>
      <c r="K563" s="4"/>
      <c r="L563" s="4"/>
    </row>
    <row r="564" spans="1:12" ht="14.25" customHeight="1" x14ac:dyDescent="0.25">
      <c r="A564" s="12" t="s">
        <v>1817</v>
      </c>
      <c r="B564" s="52" t="s">
        <v>588</v>
      </c>
      <c r="C564" s="45"/>
      <c r="D564" s="12"/>
      <c r="E564" s="12"/>
      <c r="F564" s="13">
        <v>42116</v>
      </c>
      <c r="G564" s="14" t="s">
        <v>2297</v>
      </c>
      <c r="I564" s="4"/>
      <c r="J564" s="4"/>
      <c r="K564" s="4"/>
      <c r="L564" s="4"/>
    </row>
    <row r="565" spans="1:12" ht="14.25" customHeight="1" x14ac:dyDescent="0.25">
      <c r="A565" s="12" t="s">
        <v>1341</v>
      </c>
      <c r="B565" s="52" t="s">
        <v>2298</v>
      </c>
      <c r="C565" s="45"/>
      <c r="D565" s="12"/>
      <c r="E565" s="12"/>
      <c r="F565" s="13">
        <v>42127</v>
      </c>
      <c r="G565" s="14" t="s">
        <v>2299</v>
      </c>
      <c r="I565" s="4"/>
      <c r="J565" s="4"/>
      <c r="K565" s="4"/>
      <c r="L565" s="4"/>
    </row>
    <row r="566" spans="1:12" ht="14.25" customHeight="1" x14ac:dyDescent="0.25">
      <c r="A566" s="12" t="s">
        <v>2304</v>
      </c>
      <c r="B566" s="52" t="s">
        <v>2305</v>
      </c>
      <c r="C566" s="45"/>
      <c r="D566" s="12" t="s">
        <v>2807</v>
      </c>
      <c r="E566" s="12" t="s">
        <v>808</v>
      </c>
      <c r="F566" s="13">
        <v>42161</v>
      </c>
      <c r="G566" s="14" t="s">
        <v>1520</v>
      </c>
      <c r="I566" s="4"/>
      <c r="J566" s="4"/>
      <c r="K566" s="4"/>
      <c r="L566" s="4"/>
    </row>
    <row r="567" spans="1:12" ht="14.25" customHeight="1" x14ac:dyDescent="0.25">
      <c r="A567" s="12" t="s">
        <v>2303</v>
      </c>
      <c r="B567" s="52" t="s">
        <v>1122</v>
      </c>
      <c r="C567" s="45"/>
      <c r="D567" s="12"/>
      <c r="E567" s="12"/>
      <c r="F567" s="13">
        <v>42161</v>
      </c>
      <c r="G567" s="14" t="s">
        <v>328</v>
      </c>
      <c r="I567" s="4"/>
      <c r="J567" s="4"/>
      <c r="K567" s="4"/>
      <c r="L567" s="4"/>
    </row>
    <row r="568" spans="1:12" ht="14.25" customHeight="1" x14ac:dyDescent="0.25">
      <c r="A568" s="12" t="s">
        <v>2301</v>
      </c>
      <c r="B568" s="52" t="s">
        <v>694</v>
      </c>
      <c r="C568" s="45"/>
      <c r="D568" s="12" t="s">
        <v>1144</v>
      </c>
      <c r="E568" s="12" t="s">
        <v>2242</v>
      </c>
      <c r="F568" s="13">
        <v>42186</v>
      </c>
      <c r="G568" s="14" t="s">
        <v>1396</v>
      </c>
      <c r="I568" s="4"/>
      <c r="J568" s="4"/>
      <c r="K568" s="4"/>
      <c r="L568" s="4"/>
    </row>
    <row r="569" spans="1:12" ht="14.25" customHeight="1" x14ac:dyDescent="0.25">
      <c r="A569" s="12" t="s">
        <v>963</v>
      </c>
      <c r="B569" s="52" t="s">
        <v>2309</v>
      </c>
      <c r="C569" s="45"/>
      <c r="D569" s="12"/>
      <c r="E569" s="12"/>
      <c r="F569" s="13">
        <v>42195</v>
      </c>
      <c r="G569" s="14" t="s">
        <v>2312</v>
      </c>
      <c r="I569" s="4"/>
      <c r="J569" s="4"/>
      <c r="K569" s="4"/>
      <c r="L569" s="4"/>
    </row>
    <row r="570" spans="1:12" ht="14.25" customHeight="1" x14ac:dyDescent="0.25">
      <c r="A570" s="12" t="s">
        <v>2313</v>
      </c>
      <c r="B570" s="52" t="s">
        <v>706</v>
      </c>
      <c r="C570" s="45"/>
      <c r="D570" s="12"/>
      <c r="E570" s="12"/>
      <c r="F570" s="13">
        <v>42203</v>
      </c>
      <c r="G570" s="14" t="s">
        <v>1486</v>
      </c>
      <c r="I570" s="4"/>
      <c r="J570" s="4"/>
      <c r="K570" s="4"/>
      <c r="L570" s="4"/>
    </row>
    <row r="571" spans="1:12" ht="14.25" customHeight="1" x14ac:dyDescent="0.25">
      <c r="A571" s="12" t="s">
        <v>1825</v>
      </c>
      <c r="B571" s="52" t="s">
        <v>1588</v>
      </c>
      <c r="C571" s="45"/>
      <c r="D571" s="12"/>
      <c r="E571" s="12"/>
      <c r="F571" s="13">
        <v>42208</v>
      </c>
      <c r="G571" s="14" t="s">
        <v>2314</v>
      </c>
      <c r="I571" s="4"/>
      <c r="J571" s="4"/>
      <c r="K571" s="4"/>
      <c r="L571" s="4"/>
    </row>
    <row r="572" spans="1:12" ht="14.25" customHeight="1" x14ac:dyDescent="0.25">
      <c r="A572" s="12" t="s">
        <v>789</v>
      </c>
      <c r="B572" s="52" t="s">
        <v>1959</v>
      </c>
      <c r="C572" s="45"/>
      <c r="D572" s="12"/>
      <c r="E572" s="12"/>
      <c r="F572" s="13">
        <v>42237</v>
      </c>
      <c r="G572" s="14" t="s">
        <v>2315</v>
      </c>
      <c r="I572" s="4"/>
      <c r="J572" s="4"/>
      <c r="K572" s="4"/>
      <c r="L572" s="4"/>
    </row>
    <row r="573" spans="1:12" ht="14.25" customHeight="1" x14ac:dyDescent="0.25">
      <c r="A573" s="12" t="s">
        <v>1892</v>
      </c>
      <c r="B573" s="52" t="s">
        <v>758</v>
      </c>
      <c r="C573" s="45"/>
      <c r="D573" s="12"/>
      <c r="E573" s="12"/>
      <c r="F573" s="16">
        <v>38589</v>
      </c>
      <c r="G573" s="14" t="s">
        <v>1938</v>
      </c>
      <c r="I573" s="4"/>
      <c r="J573" s="4"/>
      <c r="K573" s="4"/>
      <c r="L573" s="4"/>
    </row>
    <row r="574" spans="1:12" ht="14.25" customHeight="1" x14ac:dyDescent="0.25">
      <c r="A574" s="12" t="s">
        <v>2316</v>
      </c>
      <c r="B574" s="52" t="s">
        <v>2317</v>
      </c>
      <c r="C574" s="45"/>
      <c r="D574" s="12"/>
      <c r="E574" s="12"/>
      <c r="F574" s="13">
        <v>42255</v>
      </c>
      <c r="G574" s="14" t="s">
        <v>2319</v>
      </c>
      <c r="I574" s="4"/>
      <c r="J574" s="4"/>
      <c r="K574" s="4"/>
      <c r="L574" s="4"/>
    </row>
    <row r="575" spans="1:12" ht="14.25" customHeight="1" x14ac:dyDescent="0.25">
      <c r="A575" s="12" t="s">
        <v>341</v>
      </c>
      <c r="B575" s="52" t="s">
        <v>532</v>
      </c>
      <c r="C575" s="45"/>
      <c r="D575" s="12"/>
      <c r="E575" s="12"/>
      <c r="F575" s="13">
        <v>42266</v>
      </c>
      <c r="G575" s="14" t="s">
        <v>2154</v>
      </c>
      <c r="I575" s="4"/>
      <c r="J575" s="4"/>
      <c r="K575" s="4"/>
      <c r="L575" s="4"/>
    </row>
    <row r="576" spans="1:12" ht="14.25" customHeight="1" x14ac:dyDescent="0.25">
      <c r="A576" s="12" t="s">
        <v>1829</v>
      </c>
      <c r="B576" s="52" t="s">
        <v>2322</v>
      </c>
      <c r="C576" s="45" t="s">
        <v>2323</v>
      </c>
      <c r="D576" s="12" t="s">
        <v>906</v>
      </c>
      <c r="E576" s="12" t="s">
        <v>1315</v>
      </c>
      <c r="F576" s="13">
        <v>42286</v>
      </c>
      <c r="G576" s="14" t="s">
        <v>2325</v>
      </c>
      <c r="I576" s="4"/>
      <c r="J576" s="4"/>
      <c r="K576" s="4"/>
      <c r="L576" s="4"/>
    </row>
    <row r="577" spans="1:12" ht="14.25" customHeight="1" x14ac:dyDescent="0.25">
      <c r="A577" s="12" t="s">
        <v>1312</v>
      </c>
      <c r="B577" s="52" t="s">
        <v>2322</v>
      </c>
      <c r="C577" s="45" t="s">
        <v>2323</v>
      </c>
      <c r="D577" s="12" t="s">
        <v>906</v>
      </c>
      <c r="E577" s="12" t="s">
        <v>1315</v>
      </c>
      <c r="F577" s="13">
        <v>42286</v>
      </c>
      <c r="G577" s="14" t="s">
        <v>2032</v>
      </c>
      <c r="I577" s="4"/>
      <c r="J577" s="4"/>
      <c r="K577" s="4"/>
      <c r="L577" s="4"/>
    </row>
    <row r="578" spans="1:12" ht="14.25" customHeight="1" x14ac:dyDescent="0.25">
      <c r="A578" s="12" t="s">
        <v>2320</v>
      </c>
      <c r="B578" s="52" t="s">
        <v>1619</v>
      </c>
      <c r="C578" s="45" t="s">
        <v>2321</v>
      </c>
      <c r="D578" s="12"/>
      <c r="E578" s="12"/>
      <c r="F578" s="13">
        <v>42287</v>
      </c>
      <c r="G578" s="14" t="s">
        <v>1980</v>
      </c>
      <c r="I578" s="4"/>
      <c r="J578" s="4"/>
      <c r="K578" s="4"/>
      <c r="L578" s="4"/>
    </row>
    <row r="579" spans="1:12" ht="14.25" customHeight="1" x14ac:dyDescent="0.25">
      <c r="A579" s="12" t="s">
        <v>2328</v>
      </c>
      <c r="B579" s="52" t="s">
        <v>2330</v>
      </c>
      <c r="C579" s="45" t="s">
        <v>513</v>
      </c>
      <c r="D579" s="12"/>
      <c r="E579" s="12"/>
      <c r="F579" s="13">
        <v>42293</v>
      </c>
      <c r="G579" s="14" t="s">
        <v>2332</v>
      </c>
      <c r="I579" s="4"/>
      <c r="J579" s="4"/>
      <c r="K579" s="4"/>
      <c r="L579" s="4"/>
    </row>
    <row r="580" spans="1:12" ht="14.25" customHeight="1" x14ac:dyDescent="0.25">
      <c r="A580" s="12" t="s">
        <v>2334</v>
      </c>
      <c r="B580" s="52" t="s">
        <v>2335</v>
      </c>
      <c r="C580" s="45"/>
      <c r="D580" s="12"/>
      <c r="E580" s="12"/>
      <c r="F580" s="13">
        <v>42298</v>
      </c>
      <c r="G580" s="14" t="s">
        <v>2336</v>
      </c>
      <c r="I580" s="4"/>
      <c r="J580" s="4"/>
      <c r="K580" s="4"/>
      <c r="L580" s="4"/>
    </row>
    <row r="581" spans="1:12" ht="14.25" customHeight="1" x14ac:dyDescent="0.25">
      <c r="A581" s="12" t="s">
        <v>2326</v>
      </c>
      <c r="B581" s="52" t="s">
        <v>2062</v>
      </c>
      <c r="C581" s="45"/>
      <c r="D581" s="12"/>
      <c r="E581" s="12"/>
      <c r="F581" s="13">
        <v>42304</v>
      </c>
      <c r="G581" s="14" t="s">
        <v>2327</v>
      </c>
      <c r="I581" s="4"/>
      <c r="J581" s="4"/>
      <c r="K581" s="4"/>
      <c r="L581" s="4"/>
    </row>
    <row r="582" spans="1:12" ht="14.25" customHeight="1" x14ac:dyDescent="0.25">
      <c r="A582" s="12" t="s">
        <v>1851</v>
      </c>
      <c r="B582" s="52" t="s">
        <v>2237</v>
      </c>
      <c r="C582" s="45"/>
      <c r="D582" s="12"/>
      <c r="E582" s="12"/>
      <c r="F582" s="13">
        <v>42308</v>
      </c>
      <c r="G582" s="14" t="s">
        <v>1019</v>
      </c>
      <c r="I582" s="4"/>
      <c r="J582" s="4"/>
      <c r="K582" s="4"/>
      <c r="L582" s="4"/>
    </row>
    <row r="583" spans="1:12" ht="14.25" customHeight="1" x14ac:dyDescent="0.25">
      <c r="A583" s="12" t="s">
        <v>2338</v>
      </c>
      <c r="B583" s="52" t="s">
        <v>2107</v>
      </c>
      <c r="C583" s="45"/>
      <c r="D583" s="12" t="s">
        <v>676</v>
      </c>
      <c r="E583" s="12" t="s">
        <v>2108</v>
      </c>
      <c r="F583" s="13">
        <v>42313</v>
      </c>
      <c r="G583" s="14" t="s">
        <v>1177</v>
      </c>
      <c r="I583" s="4"/>
      <c r="J583" s="4"/>
      <c r="K583" s="4"/>
      <c r="L583" s="4"/>
    </row>
    <row r="584" spans="1:12" ht="14.25" customHeight="1" x14ac:dyDescent="0.25">
      <c r="A584" s="12" t="s">
        <v>761</v>
      </c>
      <c r="B584" s="52" t="s">
        <v>384</v>
      </c>
      <c r="C584" s="45"/>
      <c r="D584" s="12"/>
      <c r="E584" s="12"/>
      <c r="F584" s="13">
        <v>42324</v>
      </c>
      <c r="G584" s="14" t="s">
        <v>2340</v>
      </c>
      <c r="I584" s="4"/>
      <c r="J584" s="4"/>
      <c r="K584" s="4"/>
      <c r="L584" s="4"/>
    </row>
    <row r="585" spans="1:12" s="4" customFormat="1" ht="14.25" customHeight="1" x14ac:dyDescent="0.25">
      <c r="A585" s="12" t="s">
        <v>966</v>
      </c>
      <c r="B585" s="52" t="s">
        <v>2342</v>
      </c>
      <c r="C585" s="45"/>
      <c r="D585" s="12" t="s">
        <v>2343</v>
      </c>
      <c r="E585" s="12" t="s">
        <v>506</v>
      </c>
      <c r="F585" s="13">
        <v>42338</v>
      </c>
      <c r="G585" s="14" t="s">
        <v>1689</v>
      </c>
    </row>
    <row r="586" spans="1:12" ht="14.25" customHeight="1" x14ac:dyDescent="0.25">
      <c r="A586" s="12" t="s">
        <v>2344</v>
      </c>
      <c r="B586" s="52" t="s">
        <v>2345</v>
      </c>
      <c r="C586" s="45"/>
      <c r="D586" s="12" t="s">
        <v>2808</v>
      </c>
      <c r="E586" s="12" t="s">
        <v>2346</v>
      </c>
      <c r="F586" s="13">
        <v>42335</v>
      </c>
      <c r="G586" s="14" t="s">
        <v>2347</v>
      </c>
      <c r="I586" s="4"/>
      <c r="J586" s="4"/>
      <c r="K586" s="4"/>
      <c r="L586" s="4"/>
    </row>
    <row r="587" spans="1:12" ht="14.25" customHeight="1" x14ac:dyDescent="0.25">
      <c r="A587" s="12" t="s">
        <v>2349</v>
      </c>
      <c r="B587" s="52" t="s">
        <v>2350</v>
      </c>
      <c r="C587" s="45"/>
      <c r="D587" s="12"/>
      <c r="E587" s="12"/>
      <c r="F587" s="13">
        <v>42364</v>
      </c>
      <c r="G587" s="14" t="s">
        <v>885</v>
      </c>
      <c r="I587" s="4"/>
      <c r="J587" s="4"/>
      <c r="K587" s="4"/>
      <c r="L587" s="4"/>
    </row>
    <row r="588" spans="1:12" ht="14.25" customHeight="1" x14ac:dyDescent="0.25">
      <c r="A588" s="12" t="s">
        <v>921</v>
      </c>
      <c r="B588" s="52" t="s">
        <v>2351</v>
      </c>
      <c r="C588" s="45"/>
      <c r="D588" s="12"/>
      <c r="E588" s="12"/>
      <c r="F588" s="16">
        <v>42373</v>
      </c>
      <c r="G588" s="14" t="s">
        <v>2352</v>
      </c>
      <c r="I588" s="4"/>
      <c r="J588" s="4"/>
      <c r="K588" s="4"/>
      <c r="L588" s="4"/>
    </row>
    <row r="589" spans="1:12" ht="14.25" customHeight="1" x14ac:dyDescent="0.25">
      <c r="A589" s="12" t="s">
        <v>114</v>
      </c>
      <c r="B589" s="52" t="s">
        <v>229</v>
      </c>
      <c r="C589" s="45"/>
      <c r="D589" s="12"/>
      <c r="E589" s="12"/>
      <c r="F589" s="16">
        <v>42402</v>
      </c>
      <c r="G589" s="14" t="s">
        <v>990</v>
      </c>
      <c r="I589" s="4"/>
      <c r="J589" s="4"/>
      <c r="K589" s="4"/>
      <c r="L589" s="4"/>
    </row>
    <row r="590" spans="1:12" ht="14.25" customHeight="1" x14ac:dyDescent="0.25">
      <c r="A590" s="12" t="s">
        <v>2355</v>
      </c>
      <c r="B590" s="52" t="s">
        <v>2252</v>
      </c>
      <c r="C590" s="45"/>
      <c r="D590" s="12"/>
      <c r="E590" s="12"/>
      <c r="F590" s="13">
        <v>42420</v>
      </c>
      <c r="G590" s="14" t="s">
        <v>2238</v>
      </c>
      <c r="I590" s="4"/>
      <c r="J590" s="4"/>
      <c r="K590" s="4"/>
      <c r="L590" s="4"/>
    </row>
    <row r="591" spans="1:12" ht="14.25" customHeight="1" x14ac:dyDescent="0.25">
      <c r="A591" s="12" t="s">
        <v>1878</v>
      </c>
      <c r="B591" s="52" t="s">
        <v>2357</v>
      </c>
      <c r="C591" s="45"/>
      <c r="D591" s="12"/>
      <c r="E591" s="12"/>
      <c r="F591" s="16">
        <v>42424</v>
      </c>
      <c r="G591" s="14" t="s">
        <v>2358</v>
      </c>
      <c r="I591" s="4"/>
      <c r="J591" s="4"/>
      <c r="K591" s="4"/>
      <c r="L591" s="4"/>
    </row>
    <row r="592" spans="1:12" ht="14.25" customHeight="1" x14ac:dyDescent="0.25">
      <c r="A592" s="12" t="s">
        <v>156</v>
      </c>
      <c r="B592" s="52" t="s">
        <v>1035</v>
      </c>
      <c r="C592" s="45" t="s">
        <v>2354</v>
      </c>
      <c r="D592" s="12"/>
      <c r="E592" s="12"/>
      <c r="F592" s="13">
        <v>42430</v>
      </c>
      <c r="G592" s="14" t="s">
        <v>682</v>
      </c>
      <c r="I592" s="4"/>
      <c r="J592" s="4"/>
      <c r="K592" s="4"/>
      <c r="L592" s="4"/>
    </row>
    <row r="593" spans="1:12" ht="14.25" customHeight="1" x14ac:dyDescent="0.25">
      <c r="A593" s="12" t="s">
        <v>2359</v>
      </c>
      <c r="B593" s="52" t="s">
        <v>2360</v>
      </c>
      <c r="C593" s="45"/>
      <c r="D593" s="12"/>
      <c r="E593" s="12"/>
      <c r="F593" s="16">
        <v>42440</v>
      </c>
      <c r="G593" s="14" t="s">
        <v>1658</v>
      </c>
      <c r="I593" s="4"/>
      <c r="J593" s="4"/>
      <c r="K593" s="4"/>
      <c r="L593" s="4"/>
    </row>
    <row r="594" spans="1:12" ht="14.25" customHeight="1" x14ac:dyDescent="0.25">
      <c r="A594" s="12" t="s">
        <v>2361</v>
      </c>
      <c r="B594" s="52" t="s">
        <v>910</v>
      </c>
      <c r="C594" s="45"/>
      <c r="D594" s="12" t="s">
        <v>2043</v>
      </c>
      <c r="E594" s="12" t="s">
        <v>1858</v>
      </c>
      <c r="F594" s="16">
        <v>42453</v>
      </c>
      <c r="G594" s="14" t="s">
        <v>2040</v>
      </c>
      <c r="I594" s="4"/>
      <c r="J594" s="4"/>
      <c r="K594" s="4"/>
      <c r="L594" s="4"/>
    </row>
    <row r="595" spans="1:12" ht="14.25" customHeight="1" x14ac:dyDescent="0.25">
      <c r="A595" s="12" t="s">
        <v>166</v>
      </c>
      <c r="B595" s="52" t="s">
        <v>2363</v>
      </c>
      <c r="C595" s="45"/>
      <c r="D595" s="12"/>
      <c r="E595" s="12"/>
      <c r="F595" s="15">
        <v>42475</v>
      </c>
      <c r="G595" s="14" t="s">
        <v>666</v>
      </c>
      <c r="I595" s="4"/>
      <c r="J595" s="4"/>
      <c r="K595" s="4"/>
      <c r="L595" s="4"/>
    </row>
    <row r="596" spans="1:12" ht="14.25" customHeight="1" x14ac:dyDescent="0.25">
      <c r="A596" s="12" t="s">
        <v>2364</v>
      </c>
      <c r="B596" s="52" t="s">
        <v>2365</v>
      </c>
      <c r="C596" s="45"/>
      <c r="D596" s="12" t="s">
        <v>2805</v>
      </c>
      <c r="E596" s="12" t="s">
        <v>1329</v>
      </c>
      <c r="F596" s="23">
        <v>42479</v>
      </c>
      <c r="G596" s="14" t="s">
        <v>2366</v>
      </c>
      <c r="I596" s="4"/>
      <c r="J596" s="4"/>
      <c r="K596" s="4"/>
      <c r="L596" s="4"/>
    </row>
    <row r="597" spans="1:12" ht="14.25" customHeight="1" x14ac:dyDescent="0.25">
      <c r="A597" s="12" t="s">
        <v>1571</v>
      </c>
      <c r="B597" s="52" t="s">
        <v>2362</v>
      </c>
      <c r="C597" s="45"/>
      <c r="D597" s="12"/>
      <c r="E597" s="12"/>
      <c r="F597" s="15">
        <v>42482</v>
      </c>
      <c r="G597" s="14" t="s">
        <v>2040</v>
      </c>
      <c r="I597" s="4"/>
      <c r="J597" s="4"/>
      <c r="K597" s="4"/>
      <c r="L597" s="4"/>
    </row>
    <row r="598" spans="1:12" ht="14.25" customHeight="1" x14ac:dyDescent="0.25">
      <c r="A598" s="12" t="s">
        <v>1258</v>
      </c>
      <c r="B598" s="52" t="s">
        <v>1720</v>
      </c>
      <c r="C598" s="45"/>
      <c r="D598" s="12"/>
      <c r="E598" s="12"/>
      <c r="F598" s="15">
        <v>42486</v>
      </c>
      <c r="G598" s="14" t="s">
        <v>1887</v>
      </c>
      <c r="I598" s="4"/>
      <c r="J598" s="4"/>
      <c r="K598" s="4"/>
      <c r="L598" s="4"/>
    </row>
    <row r="599" spans="1:12" ht="14.25" customHeight="1" x14ac:dyDescent="0.25">
      <c r="A599" s="12" t="s">
        <v>2367</v>
      </c>
      <c r="B599" s="52" t="s">
        <v>2368</v>
      </c>
      <c r="C599" s="45"/>
      <c r="D599" s="12"/>
      <c r="E599" s="12"/>
      <c r="F599" s="15">
        <v>42487</v>
      </c>
      <c r="G599" s="14" t="s">
        <v>697</v>
      </c>
      <c r="I599" s="4"/>
      <c r="J599" s="4"/>
      <c r="K599" s="4"/>
      <c r="L599" s="4"/>
    </row>
    <row r="600" spans="1:12" ht="14.25" customHeight="1" x14ac:dyDescent="0.25">
      <c r="A600" s="12" t="s">
        <v>2369</v>
      </c>
      <c r="B600" s="52" t="s">
        <v>9</v>
      </c>
      <c r="C600" s="45"/>
      <c r="D600" s="12" t="s">
        <v>2802</v>
      </c>
      <c r="E600" s="12" t="s">
        <v>1922</v>
      </c>
      <c r="F600" s="15">
        <v>42488</v>
      </c>
      <c r="G600" s="14" t="s">
        <v>2370</v>
      </c>
      <c r="I600" s="4"/>
      <c r="J600" s="4"/>
      <c r="K600" s="4"/>
      <c r="L600" s="4"/>
    </row>
    <row r="601" spans="1:12" ht="14.25" customHeight="1" x14ac:dyDescent="0.25">
      <c r="A601" s="12" t="s">
        <v>2372</v>
      </c>
      <c r="B601" s="52" t="s">
        <v>870</v>
      </c>
      <c r="C601" s="45" t="s">
        <v>659</v>
      </c>
      <c r="D601" s="12"/>
      <c r="E601" s="12"/>
      <c r="F601" s="15">
        <v>42502</v>
      </c>
      <c r="G601" s="14" t="s">
        <v>2373</v>
      </c>
      <c r="I601" s="4"/>
      <c r="J601" s="4"/>
      <c r="K601" s="4"/>
      <c r="L601" s="4"/>
    </row>
    <row r="602" spans="1:12" ht="14.25" customHeight="1" x14ac:dyDescent="0.25">
      <c r="A602" s="12" t="s">
        <v>2375</v>
      </c>
      <c r="B602" s="52" t="s">
        <v>2376</v>
      </c>
      <c r="C602" s="45"/>
      <c r="D602" s="12"/>
      <c r="E602" s="12"/>
      <c r="F602" s="23">
        <v>42517</v>
      </c>
      <c r="G602" s="14" t="s">
        <v>2377</v>
      </c>
      <c r="I602" s="4"/>
      <c r="J602" s="4"/>
      <c r="K602" s="4"/>
      <c r="L602" s="4"/>
    </row>
    <row r="603" spans="1:12" ht="14.25" customHeight="1" x14ac:dyDescent="0.25">
      <c r="A603" s="12" t="s">
        <v>2082</v>
      </c>
      <c r="B603" s="52" t="s">
        <v>2374</v>
      </c>
      <c r="C603" s="45"/>
      <c r="D603" s="12" t="s">
        <v>2788</v>
      </c>
      <c r="E603" s="12" t="s">
        <v>716</v>
      </c>
      <c r="F603" s="13">
        <v>42528</v>
      </c>
      <c r="G603" s="14" t="s">
        <v>1733</v>
      </c>
      <c r="I603" s="4"/>
      <c r="J603" s="4"/>
      <c r="K603" s="4"/>
      <c r="L603" s="4"/>
    </row>
    <row r="604" spans="1:12" ht="14.25" customHeight="1" x14ac:dyDescent="0.25">
      <c r="A604" s="12" t="s">
        <v>2378</v>
      </c>
      <c r="B604" s="52" t="s">
        <v>85</v>
      </c>
      <c r="C604" s="45" t="s">
        <v>2379</v>
      </c>
      <c r="D604" s="12"/>
      <c r="E604" s="12"/>
      <c r="F604" s="15">
        <v>42532</v>
      </c>
      <c r="G604" s="14" t="s">
        <v>997</v>
      </c>
      <c r="I604" s="4"/>
      <c r="J604" s="4"/>
      <c r="K604" s="4"/>
      <c r="L604" s="4"/>
    </row>
    <row r="605" spans="1:12" ht="14.25" customHeight="1" x14ac:dyDescent="0.25">
      <c r="A605" s="12" t="s">
        <v>20</v>
      </c>
      <c r="B605" s="52" t="s">
        <v>1602</v>
      </c>
      <c r="C605" s="45" t="s">
        <v>2380</v>
      </c>
      <c r="D605" s="12"/>
      <c r="E605" s="12"/>
      <c r="F605" s="15">
        <v>42544</v>
      </c>
      <c r="G605" s="14" t="s">
        <v>1982</v>
      </c>
      <c r="H605" s="4"/>
      <c r="I605" s="4"/>
      <c r="J605" s="4"/>
      <c r="K605" s="4"/>
      <c r="L605" s="4"/>
    </row>
    <row r="606" spans="1:12" ht="14.25" customHeight="1" x14ac:dyDescent="0.25">
      <c r="A606" s="12" t="s">
        <v>2381</v>
      </c>
      <c r="B606" s="52" t="s">
        <v>1642</v>
      </c>
      <c r="C606" s="45" t="s">
        <v>2382</v>
      </c>
      <c r="D606" s="12"/>
      <c r="E606" s="12"/>
      <c r="F606" s="15">
        <v>42562</v>
      </c>
      <c r="G606" s="14" t="s">
        <v>2383</v>
      </c>
      <c r="I606" s="4"/>
      <c r="J606" s="4"/>
      <c r="K606" s="4"/>
      <c r="L606" s="4"/>
    </row>
    <row r="607" spans="1:12" ht="14.25" customHeight="1" x14ac:dyDescent="0.25">
      <c r="A607" s="12" t="s">
        <v>1985</v>
      </c>
      <c r="B607" s="52" t="s">
        <v>2384</v>
      </c>
      <c r="C607" s="45"/>
      <c r="D607" s="12"/>
      <c r="E607" s="12"/>
      <c r="F607" s="15">
        <v>42585</v>
      </c>
      <c r="G607" s="14" t="s">
        <v>2385</v>
      </c>
      <c r="I607" s="4"/>
      <c r="J607" s="4"/>
      <c r="K607" s="4"/>
      <c r="L607" s="4"/>
    </row>
    <row r="608" spans="1:12" ht="14.25" customHeight="1" x14ac:dyDescent="0.25">
      <c r="A608" s="12" t="s">
        <v>1352</v>
      </c>
      <c r="B608" s="52" t="s">
        <v>1606</v>
      </c>
      <c r="C608" s="45"/>
      <c r="D608" s="12"/>
      <c r="E608" s="12"/>
      <c r="F608" s="15">
        <v>42614</v>
      </c>
      <c r="G608" s="14" t="s">
        <v>1626</v>
      </c>
      <c r="H608" s="4"/>
      <c r="I608" s="4"/>
      <c r="J608" s="4"/>
      <c r="K608" s="4"/>
      <c r="L608" s="4"/>
    </row>
    <row r="609" spans="1:12" ht="14.25" customHeight="1" x14ac:dyDescent="0.25">
      <c r="A609" s="12" t="s">
        <v>451</v>
      </c>
      <c r="B609" s="52" t="s">
        <v>2390</v>
      </c>
      <c r="C609" s="45"/>
      <c r="D609" s="12"/>
      <c r="E609" s="12"/>
      <c r="F609" s="15">
        <v>42621</v>
      </c>
      <c r="G609" s="14" t="s">
        <v>583</v>
      </c>
      <c r="I609" s="4"/>
      <c r="J609" s="4"/>
      <c r="K609" s="4"/>
      <c r="L609" s="4"/>
    </row>
    <row r="610" spans="1:12" ht="14.25" customHeight="1" x14ac:dyDescent="0.25">
      <c r="A610" s="12" t="s">
        <v>1670</v>
      </c>
      <c r="B610" s="52" t="s">
        <v>385</v>
      </c>
      <c r="C610" s="45"/>
      <c r="D610" s="12"/>
      <c r="E610" s="12"/>
      <c r="F610" s="15">
        <v>42622</v>
      </c>
      <c r="G610" s="14" t="s">
        <v>89</v>
      </c>
      <c r="I610" s="4"/>
      <c r="J610" s="4"/>
      <c r="K610" s="4"/>
      <c r="L610" s="4"/>
    </row>
    <row r="611" spans="1:12" ht="14.25" customHeight="1" x14ac:dyDescent="0.25">
      <c r="A611" s="12" t="s">
        <v>2389</v>
      </c>
      <c r="B611" s="52" t="s">
        <v>683</v>
      </c>
      <c r="C611" s="45" t="s">
        <v>466</v>
      </c>
      <c r="D611" s="12"/>
      <c r="E611" s="12"/>
      <c r="F611" s="15">
        <v>42634</v>
      </c>
      <c r="G611" s="14" t="s">
        <v>2232</v>
      </c>
      <c r="I611" s="4"/>
      <c r="J611" s="4"/>
      <c r="K611" s="4"/>
      <c r="L611" s="4"/>
    </row>
    <row r="612" spans="1:12" ht="14.25" customHeight="1" x14ac:dyDescent="0.25">
      <c r="A612" s="12" t="s">
        <v>2387</v>
      </c>
      <c r="B612" s="52" t="s">
        <v>2388</v>
      </c>
      <c r="C612" s="45"/>
      <c r="D612" s="12"/>
      <c r="E612" s="12"/>
      <c r="F612" s="15">
        <v>42645</v>
      </c>
      <c r="G612" s="14" t="s">
        <v>1891</v>
      </c>
      <c r="I612" s="4"/>
      <c r="J612" s="4"/>
      <c r="K612" s="4"/>
      <c r="L612" s="4"/>
    </row>
    <row r="613" spans="1:12" ht="14.25" customHeight="1" x14ac:dyDescent="0.25">
      <c r="A613" s="12" t="s">
        <v>2392</v>
      </c>
      <c r="B613" s="52" t="s">
        <v>2393</v>
      </c>
      <c r="C613" s="45"/>
      <c r="D613" s="12"/>
      <c r="E613" s="12"/>
      <c r="F613" s="15">
        <v>42647</v>
      </c>
      <c r="G613" s="14" t="s">
        <v>2245</v>
      </c>
      <c r="I613" s="4"/>
      <c r="J613" s="4"/>
      <c r="K613" s="4"/>
      <c r="L613" s="4"/>
    </row>
    <row r="614" spans="1:12" ht="14.25" customHeight="1" x14ac:dyDescent="0.25">
      <c r="A614" s="12" t="s">
        <v>1800</v>
      </c>
      <c r="B614" s="52" t="s">
        <v>2391</v>
      </c>
      <c r="C614" s="45"/>
      <c r="D614" s="12"/>
      <c r="E614" s="12"/>
      <c r="F614" s="15">
        <v>42658</v>
      </c>
      <c r="G614" s="14" t="s">
        <v>65</v>
      </c>
      <c r="I614" s="4"/>
      <c r="J614" s="4"/>
      <c r="K614" s="4"/>
      <c r="L614" s="4"/>
    </row>
    <row r="615" spans="1:12" ht="14.25" customHeight="1" x14ac:dyDescent="0.25">
      <c r="A615" s="12" t="s">
        <v>2395</v>
      </c>
      <c r="B615" s="52" t="s">
        <v>2397</v>
      </c>
      <c r="C615" s="45"/>
      <c r="D615" s="12"/>
      <c r="E615" s="12"/>
      <c r="F615" s="15">
        <v>42662</v>
      </c>
      <c r="G615" s="14" t="s">
        <v>2398</v>
      </c>
      <c r="I615" s="4"/>
      <c r="J615" s="4"/>
      <c r="K615" s="4"/>
      <c r="L615" s="4"/>
    </row>
    <row r="616" spans="1:12" ht="14.25" customHeight="1" x14ac:dyDescent="0.25">
      <c r="A616" s="12" t="s">
        <v>2399</v>
      </c>
      <c r="B616" s="52" t="s">
        <v>2331</v>
      </c>
      <c r="C616" s="45" t="s">
        <v>1900</v>
      </c>
      <c r="D616" s="12"/>
      <c r="E616" s="12"/>
      <c r="F616" s="23">
        <v>42687</v>
      </c>
      <c r="G616" s="14" t="s">
        <v>2400</v>
      </c>
      <c r="I616" s="4"/>
      <c r="J616" s="4"/>
      <c r="K616" s="4"/>
      <c r="L616" s="4"/>
    </row>
    <row r="617" spans="1:12" ht="14.25" customHeight="1" x14ac:dyDescent="0.25">
      <c r="A617" s="12" t="s">
        <v>1134</v>
      </c>
      <c r="B617" s="52" t="s">
        <v>2401</v>
      </c>
      <c r="C617" s="45"/>
      <c r="D617" s="12"/>
      <c r="E617" s="12"/>
      <c r="F617" s="15">
        <v>42693</v>
      </c>
      <c r="G617" s="14" t="s">
        <v>2402</v>
      </c>
      <c r="I617" s="4"/>
      <c r="J617" s="4"/>
      <c r="K617" s="4"/>
      <c r="L617" s="4"/>
    </row>
    <row r="618" spans="1:12" ht="14.25" customHeight="1" x14ac:dyDescent="0.25">
      <c r="A618" s="12" t="s">
        <v>3020</v>
      </c>
      <c r="B618" s="52" t="s">
        <v>2098</v>
      </c>
      <c r="C618" s="45"/>
      <c r="D618" s="12" t="s">
        <v>2420</v>
      </c>
      <c r="E618" s="12" t="s">
        <v>3025</v>
      </c>
      <c r="F618" s="15">
        <v>42705</v>
      </c>
      <c r="G618" s="14" t="s">
        <v>1861</v>
      </c>
      <c r="I618" s="4"/>
      <c r="J618" s="4"/>
      <c r="K618" s="4"/>
      <c r="L618" s="4"/>
    </row>
    <row r="619" spans="1:12" ht="14.25" customHeight="1" x14ac:dyDescent="0.25">
      <c r="A619" s="12" t="s">
        <v>2404</v>
      </c>
      <c r="B619" s="52" t="s">
        <v>296</v>
      </c>
      <c r="C619" s="45" t="s">
        <v>956</v>
      </c>
      <c r="D619" s="12"/>
      <c r="E619" s="12"/>
      <c r="F619" s="15">
        <v>42705</v>
      </c>
      <c r="G619" s="14" t="s">
        <v>30</v>
      </c>
      <c r="I619" s="4"/>
      <c r="J619" s="4"/>
      <c r="K619" s="4"/>
      <c r="L619" s="4"/>
    </row>
    <row r="620" spans="1:12" ht="14.25" customHeight="1" x14ac:dyDescent="0.25">
      <c r="A620" s="12" t="s">
        <v>2407</v>
      </c>
      <c r="B620" s="52" t="s">
        <v>1522</v>
      </c>
      <c r="C620" s="45"/>
      <c r="D620" s="12"/>
      <c r="E620" s="12"/>
      <c r="F620" s="15">
        <v>42740</v>
      </c>
      <c r="G620" s="14" t="s">
        <v>2089</v>
      </c>
      <c r="I620" s="4"/>
      <c r="J620" s="4"/>
      <c r="K620" s="4"/>
      <c r="L620" s="4"/>
    </row>
    <row r="621" spans="1:12" ht="14.25" customHeight="1" x14ac:dyDescent="0.25">
      <c r="A621" s="12" t="s">
        <v>2408</v>
      </c>
      <c r="B621" s="52" t="s">
        <v>1503</v>
      </c>
      <c r="C621" s="45"/>
      <c r="D621" s="12"/>
      <c r="E621" s="12"/>
      <c r="F621" s="15">
        <v>42755</v>
      </c>
      <c r="G621" s="14" t="s">
        <v>1578</v>
      </c>
      <c r="I621" s="4"/>
      <c r="J621" s="4"/>
      <c r="K621" s="4"/>
      <c r="L621" s="4"/>
    </row>
    <row r="622" spans="1:12" ht="14.25" customHeight="1" x14ac:dyDescent="0.25">
      <c r="A622" s="12" t="s">
        <v>2410</v>
      </c>
      <c r="B622" s="52" t="s">
        <v>1501</v>
      </c>
      <c r="C622" s="45" t="s">
        <v>2411</v>
      </c>
      <c r="D622" s="12" t="s">
        <v>2809</v>
      </c>
      <c r="E622" s="12" t="s">
        <v>798</v>
      </c>
      <c r="F622" s="15">
        <v>42771</v>
      </c>
      <c r="G622" s="14" t="s">
        <v>2412</v>
      </c>
      <c r="I622" s="4"/>
      <c r="J622" s="4"/>
      <c r="K622" s="4"/>
      <c r="L622" s="4"/>
    </row>
    <row r="623" spans="1:12" ht="14.25" customHeight="1" x14ac:dyDescent="0.25">
      <c r="A623" s="12" t="s">
        <v>216</v>
      </c>
      <c r="B623" s="52" t="s">
        <v>1405</v>
      </c>
      <c r="C623" s="45"/>
      <c r="D623" s="12"/>
      <c r="E623" s="12"/>
      <c r="F623" s="15">
        <v>42776</v>
      </c>
      <c r="G623" s="14" t="s">
        <v>193</v>
      </c>
      <c r="I623" s="4"/>
      <c r="J623" s="4"/>
      <c r="K623" s="4"/>
      <c r="L623" s="4"/>
    </row>
    <row r="624" spans="1:12" ht="14.25" customHeight="1" x14ac:dyDescent="0.25">
      <c r="A624" s="12" t="s">
        <v>2413</v>
      </c>
      <c r="B624" s="52" t="s">
        <v>2414</v>
      </c>
      <c r="C624" s="45"/>
      <c r="D624" s="12" t="s">
        <v>2810</v>
      </c>
      <c r="E624" s="12" t="s">
        <v>959</v>
      </c>
      <c r="F624" s="15">
        <v>42795</v>
      </c>
      <c r="G624" s="14" t="s">
        <v>1650</v>
      </c>
      <c r="I624" s="4"/>
      <c r="J624" s="4"/>
      <c r="K624" s="4"/>
      <c r="L624" s="4"/>
    </row>
    <row r="625" spans="1:12" ht="14.25" customHeight="1" x14ac:dyDescent="0.25">
      <c r="A625" s="12" t="s">
        <v>1227</v>
      </c>
      <c r="B625" s="52" t="s">
        <v>2405</v>
      </c>
      <c r="C625" s="45"/>
      <c r="D625" s="12"/>
      <c r="E625" s="12"/>
      <c r="F625" s="15">
        <v>42801</v>
      </c>
      <c r="G625" s="14" t="s">
        <v>2406</v>
      </c>
      <c r="H625" s="4"/>
      <c r="I625" s="4"/>
      <c r="J625" s="4"/>
      <c r="K625" s="4"/>
      <c r="L625" s="4"/>
    </row>
    <row r="626" spans="1:12" ht="14.25" customHeight="1" x14ac:dyDescent="0.25">
      <c r="A626" s="12" t="s">
        <v>2415</v>
      </c>
      <c r="B626" s="52" t="s">
        <v>2416</v>
      </c>
      <c r="C626" s="45" t="s">
        <v>2308</v>
      </c>
      <c r="D626" s="12"/>
      <c r="E626" s="12"/>
      <c r="F626" s="15">
        <v>42810</v>
      </c>
      <c r="G626" s="14" t="s">
        <v>1874</v>
      </c>
      <c r="I626" s="4"/>
      <c r="J626" s="4"/>
      <c r="K626" s="4"/>
      <c r="L626" s="4"/>
    </row>
    <row r="627" spans="1:12" ht="14.25" customHeight="1" x14ac:dyDescent="0.25">
      <c r="A627" s="12" t="s">
        <v>2419</v>
      </c>
      <c r="B627" s="52" t="s">
        <v>1262</v>
      </c>
      <c r="C627" s="45"/>
      <c r="D627" s="12"/>
      <c r="E627" s="12"/>
      <c r="F627" s="15">
        <v>42864</v>
      </c>
      <c r="G627" s="14" t="s">
        <v>205</v>
      </c>
      <c r="I627" s="4"/>
      <c r="J627" s="4"/>
      <c r="K627" s="4"/>
      <c r="L627" s="4"/>
    </row>
    <row r="628" spans="1:12" ht="14.25" customHeight="1" x14ac:dyDescent="0.25">
      <c r="A628" s="12" t="s">
        <v>213</v>
      </c>
      <c r="B628" s="52" t="s">
        <v>1466</v>
      </c>
      <c r="C628" s="45"/>
      <c r="D628" s="12" t="s">
        <v>2949</v>
      </c>
      <c r="E628" s="12" t="s">
        <v>1687</v>
      </c>
      <c r="F628" s="15">
        <v>42868</v>
      </c>
      <c r="G628" s="14" t="s">
        <v>971</v>
      </c>
      <c r="I628" s="4"/>
      <c r="J628" s="4"/>
      <c r="K628" s="4"/>
      <c r="L628" s="4"/>
    </row>
    <row r="629" spans="1:12" ht="14.25" customHeight="1" x14ac:dyDescent="0.25">
      <c r="A629" s="12" t="s">
        <v>2616</v>
      </c>
      <c r="B629" s="52" t="s">
        <v>1326</v>
      </c>
      <c r="C629" s="45"/>
      <c r="D629" s="12"/>
      <c r="E629" s="12"/>
      <c r="F629" s="15">
        <v>42885</v>
      </c>
      <c r="G629" s="14" t="s">
        <v>615</v>
      </c>
      <c r="I629" s="4"/>
      <c r="J629" s="4"/>
      <c r="K629" s="4"/>
      <c r="L629" s="4"/>
    </row>
    <row r="630" spans="1:12" ht="14.25" customHeight="1" x14ac:dyDescent="0.25">
      <c r="A630" s="12" t="s">
        <v>2421</v>
      </c>
      <c r="B630" s="52" t="s">
        <v>2422</v>
      </c>
      <c r="C630" s="45"/>
      <c r="D630" s="12"/>
      <c r="E630" s="12"/>
      <c r="F630" s="15">
        <v>42893</v>
      </c>
      <c r="G630" s="14" t="s">
        <v>2423</v>
      </c>
      <c r="H630" s="4"/>
      <c r="I630" s="4"/>
      <c r="J630" s="4"/>
      <c r="K630" s="4"/>
      <c r="L630" s="4"/>
    </row>
    <row r="631" spans="1:12" ht="14.25" customHeight="1" x14ac:dyDescent="0.25">
      <c r="A631" s="12" t="s">
        <v>221</v>
      </c>
      <c r="B631" s="52" t="s">
        <v>2424</v>
      </c>
      <c r="C631" s="45"/>
      <c r="D631" s="12"/>
      <c r="E631" s="12"/>
      <c r="F631" s="15">
        <v>42905</v>
      </c>
      <c r="G631" s="14" t="s">
        <v>249</v>
      </c>
      <c r="I631" s="4"/>
      <c r="J631" s="4"/>
      <c r="K631" s="4"/>
      <c r="L631" s="4"/>
    </row>
    <row r="632" spans="1:12" ht="14.25" customHeight="1" x14ac:dyDescent="0.25">
      <c r="A632" s="12" t="s">
        <v>2425</v>
      </c>
      <c r="B632" s="52" t="s">
        <v>1246</v>
      </c>
      <c r="C632" s="45" t="s">
        <v>507</v>
      </c>
      <c r="D632" s="12" t="s">
        <v>2811</v>
      </c>
      <c r="E632" s="12" t="s">
        <v>132</v>
      </c>
      <c r="F632" s="15">
        <v>42918</v>
      </c>
      <c r="G632" s="14" t="s">
        <v>2427</v>
      </c>
      <c r="H632" s="4"/>
      <c r="I632" s="4"/>
      <c r="J632" s="4"/>
      <c r="K632" s="4"/>
      <c r="L632" s="4"/>
    </row>
    <row r="633" spans="1:12" ht="14.25" customHeight="1" x14ac:dyDescent="0.25">
      <c r="A633" s="12" t="s">
        <v>982</v>
      </c>
      <c r="B633" s="52" t="s">
        <v>2428</v>
      </c>
      <c r="C633" s="45"/>
      <c r="D633" s="12" t="s">
        <v>1774</v>
      </c>
      <c r="E633" s="12" t="s">
        <v>2429</v>
      </c>
      <c r="F633" s="15">
        <v>42936</v>
      </c>
      <c r="G633" s="14" t="s">
        <v>2430</v>
      </c>
      <c r="I633" s="4"/>
      <c r="J633" s="4"/>
      <c r="K633" s="4"/>
      <c r="L633" s="4"/>
    </row>
    <row r="634" spans="1:12" ht="14.25" customHeight="1" x14ac:dyDescent="0.25">
      <c r="A634" s="12" t="s">
        <v>309</v>
      </c>
      <c r="B634" s="52" t="s">
        <v>1814</v>
      </c>
      <c r="C634" s="45"/>
      <c r="D634" s="12"/>
      <c r="E634" s="12"/>
      <c r="F634" s="15">
        <v>42945</v>
      </c>
      <c r="G634" s="14" t="s">
        <v>952</v>
      </c>
      <c r="I634" s="4"/>
      <c r="J634" s="4"/>
      <c r="K634" s="4"/>
      <c r="L634" s="4"/>
    </row>
    <row r="635" spans="1:12" ht="14.25" customHeight="1" x14ac:dyDescent="0.25">
      <c r="A635" s="12" t="s">
        <v>396</v>
      </c>
      <c r="B635" s="52" t="s">
        <v>2432</v>
      </c>
      <c r="C635" s="45" t="s">
        <v>2128</v>
      </c>
      <c r="D635" s="12" t="s">
        <v>1113</v>
      </c>
      <c r="E635" s="12" t="s">
        <v>642</v>
      </c>
      <c r="F635" s="15">
        <v>42945</v>
      </c>
      <c r="G635" s="14" t="s">
        <v>2433</v>
      </c>
      <c r="H635" s="4"/>
      <c r="I635" s="4"/>
      <c r="J635" s="4"/>
      <c r="K635" s="4"/>
      <c r="L635" s="4"/>
    </row>
    <row r="636" spans="1:12" ht="14.25" customHeight="1" x14ac:dyDescent="0.25">
      <c r="A636" s="12" t="s">
        <v>2264</v>
      </c>
      <c r="B636" s="52" t="s">
        <v>1789</v>
      </c>
      <c r="C636" s="45" t="s">
        <v>692</v>
      </c>
      <c r="D636" s="12"/>
      <c r="E636" s="12"/>
      <c r="F636" s="15">
        <v>42950</v>
      </c>
      <c r="G636" s="14" t="s">
        <v>2434</v>
      </c>
      <c r="I636" s="4"/>
      <c r="J636" s="4"/>
      <c r="K636" s="4"/>
      <c r="L636" s="4"/>
    </row>
    <row r="637" spans="1:12" ht="14.25" customHeight="1" x14ac:dyDescent="0.25">
      <c r="A637" s="12" t="s">
        <v>2436</v>
      </c>
      <c r="B637" s="52" t="s">
        <v>2437</v>
      </c>
      <c r="C637" s="45"/>
      <c r="D637" s="12"/>
      <c r="E637" s="12"/>
      <c r="F637" s="15">
        <v>42965</v>
      </c>
      <c r="G637" s="14" t="s">
        <v>2438</v>
      </c>
      <c r="H637" s="4"/>
      <c r="I637" s="4"/>
      <c r="J637" s="4"/>
      <c r="K637" s="4"/>
      <c r="L637" s="4"/>
    </row>
    <row r="638" spans="1:12" ht="14.25" customHeight="1" x14ac:dyDescent="0.25">
      <c r="A638" s="12" t="s">
        <v>3053</v>
      </c>
      <c r="B638" s="52" t="s">
        <v>1999</v>
      </c>
      <c r="C638" s="45" t="s">
        <v>1773</v>
      </c>
      <c r="D638" s="12"/>
      <c r="E638" s="12"/>
      <c r="F638" s="15">
        <v>42970</v>
      </c>
      <c r="G638" s="14" t="s">
        <v>241</v>
      </c>
      <c r="I638" s="4"/>
      <c r="J638" s="4"/>
      <c r="K638" s="4"/>
      <c r="L638" s="4"/>
    </row>
    <row r="639" spans="1:12" ht="14.25" customHeight="1" x14ac:dyDescent="0.25">
      <c r="A639" s="12" t="s">
        <v>1</v>
      </c>
      <c r="B639" s="52" t="s">
        <v>1597</v>
      </c>
      <c r="C639" s="45"/>
      <c r="D639" s="12" t="s">
        <v>2812</v>
      </c>
      <c r="E639" s="12" t="s">
        <v>2095</v>
      </c>
      <c r="F639" s="15">
        <v>42970</v>
      </c>
      <c r="G639" s="14" t="s">
        <v>976</v>
      </c>
      <c r="I639" s="4"/>
      <c r="J639" s="4"/>
      <c r="K639" s="4"/>
      <c r="L639" s="4"/>
    </row>
    <row r="640" spans="1:12" ht="14.25" customHeight="1" x14ac:dyDescent="0.25">
      <c r="A640" s="12" t="s">
        <v>2269</v>
      </c>
      <c r="B640" s="52" t="s">
        <v>2444</v>
      </c>
      <c r="C640" s="45"/>
      <c r="D640" s="12"/>
      <c r="E640" s="12"/>
      <c r="F640" s="15">
        <v>43013</v>
      </c>
      <c r="G640" s="14" t="s">
        <v>261</v>
      </c>
      <c r="I640" s="4"/>
      <c r="J640" s="4"/>
      <c r="K640" s="4"/>
      <c r="L640" s="4"/>
    </row>
    <row r="641" spans="1:12" ht="14.25" customHeight="1" x14ac:dyDescent="0.25">
      <c r="A641" s="12" t="s">
        <v>2193</v>
      </c>
      <c r="B641" s="52" t="s">
        <v>69</v>
      </c>
      <c r="C641" s="45" t="s">
        <v>2194</v>
      </c>
      <c r="D641" s="12"/>
      <c r="E641" s="12"/>
      <c r="F641" s="15">
        <v>43018</v>
      </c>
      <c r="G641" s="14" t="s">
        <v>999</v>
      </c>
      <c r="I641" s="4"/>
      <c r="J641" s="4"/>
      <c r="K641" s="4"/>
      <c r="L641" s="4"/>
    </row>
    <row r="642" spans="1:12" ht="14.25" customHeight="1" x14ac:dyDescent="0.25">
      <c r="A642" s="12" t="s">
        <v>2121</v>
      </c>
      <c r="B642" s="52" t="s">
        <v>2195</v>
      </c>
      <c r="C642" s="45"/>
      <c r="D642" s="12" t="s">
        <v>2114</v>
      </c>
      <c r="E642" s="12" t="s">
        <v>2196</v>
      </c>
      <c r="F642" s="15">
        <v>43020</v>
      </c>
      <c r="G642" s="14" t="s">
        <v>2197</v>
      </c>
      <c r="I642" s="4"/>
      <c r="J642" s="4"/>
      <c r="K642" s="4"/>
      <c r="L642" s="4"/>
    </row>
    <row r="643" spans="1:12" ht="14.25" customHeight="1" x14ac:dyDescent="0.25">
      <c r="A643" s="12" t="s">
        <v>2441</v>
      </c>
      <c r="B643" s="52" t="s">
        <v>1416</v>
      </c>
      <c r="C643" s="45"/>
      <c r="D643" s="12"/>
      <c r="E643" s="12"/>
      <c r="F643" s="15">
        <v>43005</v>
      </c>
      <c r="G643" s="14" t="s">
        <v>2442</v>
      </c>
      <c r="I643" s="4"/>
      <c r="J643" s="4"/>
      <c r="K643" s="4"/>
      <c r="L643" s="4"/>
    </row>
    <row r="644" spans="1:12" ht="14.25" customHeight="1" x14ac:dyDescent="0.25">
      <c r="A644" s="12" t="s">
        <v>2198</v>
      </c>
      <c r="B644" s="52" t="s">
        <v>684</v>
      </c>
      <c r="C644" s="45"/>
      <c r="D644" s="12"/>
      <c r="E644" s="12"/>
      <c r="F644" s="15">
        <v>43033</v>
      </c>
      <c r="G644" s="14" t="s">
        <v>2199</v>
      </c>
      <c r="I644" s="4"/>
      <c r="J644" s="4"/>
      <c r="K644" s="4"/>
      <c r="L644" s="4"/>
    </row>
    <row r="645" spans="1:12" ht="14.25" customHeight="1" x14ac:dyDescent="0.25">
      <c r="A645" s="12" t="s">
        <v>2202</v>
      </c>
      <c r="B645" s="52" t="s">
        <v>2204</v>
      </c>
      <c r="C645" s="45"/>
      <c r="D645" s="12"/>
      <c r="E645" s="12"/>
      <c r="F645" s="15">
        <v>43050</v>
      </c>
      <c r="G645" s="14" t="s">
        <v>1176</v>
      </c>
      <c r="I645" s="4"/>
      <c r="J645" s="4"/>
      <c r="K645" s="4"/>
      <c r="L645" s="4"/>
    </row>
    <row r="646" spans="1:12" ht="14.25" customHeight="1" x14ac:dyDescent="0.25">
      <c r="A646" s="12" t="s">
        <v>472</v>
      </c>
      <c r="B646" s="52" t="s">
        <v>1335</v>
      </c>
      <c r="C646" s="45" t="s">
        <v>1998</v>
      </c>
      <c r="D646" s="12"/>
      <c r="E646" s="12"/>
      <c r="F646" s="15">
        <v>43060</v>
      </c>
      <c r="G646" s="14" t="s">
        <v>2201</v>
      </c>
      <c r="I646" s="4"/>
      <c r="J646" s="4"/>
      <c r="K646" s="4"/>
      <c r="L646" s="4"/>
    </row>
    <row r="647" spans="1:12" ht="14.25" customHeight="1" x14ac:dyDescent="0.25">
      <c r="A647" s="12" t="s">
        <v>1646</v>
      </c>
      <c r="B647" s="52" t="s">
        <v>1666</v>
      </c>
      <c r="C647" s="45"/>
      <c r="D647" s="12"/>
      <c r="E647" s="12"/>
      <c r="F647" s="15">
        <v>43080</v>
      </c>
      <c r="G647" s="14" t="s">
        <v>943</v>
      </c>
      <c r="I647" s="4"/>
      <c r="J647" s="4"/>
      <c r="K647" s="4"/>
      <c r="L647" s="4"/>
    </row>
    <row r="648" spans="1:12" ht="14.25" customHeight="1" x14ac:dyDescent="0.25">
      <c r="A648" s="12" t="s">
        <v>2205</v>
      </c>
      <c r="B648" s="52" t="s">
        <v>402</v>
      </c>
      <c r="C648" s="45" t="s">
        <v>2206</v>
      </c>
      <c r="D648" s="12" t="s">
        <v>1043</v>
      </c>
      <c r="E648" s="12" t="s">
        <v>240</v>
      </c>
      <c r="F648" s="24">
        <v>43091</v>
      </c>
      <c r="G648" s="14" t="s">
        <v>2207</v>
      </c>
      <c r="H648" s="4"/>
      <c r="I648" s="4"/>
      <c r="J648" s="4"/>
      <c r="K648" s="4"/>
      <c r="L648" s="4"/>
    </row>
    <row r="649" spans="1:12" ht="14.25" customHeight="1" x14ac:dyDescent="0.25">
      <c r="A649" s="12" t="s">
        <v>828</v>
      </c>
      <c r="B649" s="52" t="s">
        <v>2213</v>
      </c>
      <c r="C649" s="45"/>
      <c r="D649" s="12"/>
      <c r="E649" s="12"/>
      <c r="F649" s="15">
        <v>43095</v>
      </c>
      <c r="G649" s="14" t="s">
        <v>2215</v>
      </c>
      <c r="I649" s="4"/>
      <c r="J649" s="4"/>
      <c r="K649" s="4"/>
      <c r="L649" s="4"/>
    </row>
    <row r="650" spans="1:12" ht="14.25" customHeight="1" x14ac:dyDescent="0.25">
      <c r="A650" s="12" t="s">
        <v>2208</v>
      </c>
      <c r="B650" s="52" t="s">
        <v>2209</v>
      </c>
      <c r="C650" s="45" t="s">
        <v>2210</v>
      </c>
      <c r="D650" s="12"/>
      <c r="E650" s="12"/>
      <c r="F650" s="15">
        <v>43084</v>
      </c>
      <c r="G650" s="14" t="s">
        <v>2212</v>
      </c>
      <c r="I650" s="4"/>
      <c r="J650" s="4"/>
      <c r="K650" s="4"/>
      <c r="L650" s="4"/>
    </row>
    <row r="651" spans="1:12" ht="14.25" customHeight="1" x14ac:dyDescent="0.25">
      <c r="A651" s="12" t="s">
        <v>2216</v>
      </c>
      <c r="B651" s="52" t="s">
        <v>800</v>
      </c>
      <c r="C651" s="45"/>
      <c r="D651" s="12"/>
      <c r="E651" s="12"/>
      <c r="F651" s="15">
        <v>43111</v>
      </c>
      <c r="G651" s="14" t="s">
        <v>2217</v>
      </c>
      <c r="I651" s="4"/>
      <c r="J651" s="4"/>
      <c r="K651" s="4"/>
      <c r="L651" s="4"/>
    </row>
    <row r="652" spans="1:12" ht="14.25" customHeight="1" x14ac:dyDescent="0.25">
      <c r="A652" s="12" t="s">
        <v>99</v>
      </c>
      <c r="B652" s="52" t="s">
        <v>2219</v>
      </c>
      <c r="C652" s="45"/>
      <c r="D652" s="12" t="s">
        <v>2617</v>
      </c>
      <c r="E652" s="12" t="s">
        <v>1125</v>
      </c>
      <c r="F652" s="15">
        <v>43132</v>
      </c>
      <c r="G652" s="14" t="s">
        <v>2220</v>
      </c>
      <c r="I652" s="4"/>
      <c r="J652" s="4"/>
      <c r="K652" s="4"/>
      <c r="L652" s="4"/>
    </row>
    <row r="653" spans="1:12" ht="14.25" customHeight="1" x14ac:dyDescent="0.25">
      <c r="A653" s="12" t="s">
        <v>1734</v>
      </c>
      <c r="B653" s="52" t="s">
        <v>2221</v>
      </c>
      <c r="C653" s="45" t="s">
        <v>121</v>
      </c>
      <c r="D653" s="12"/>
      <c r="E653" s="12"/>
      <c r="F653" s="15">
        <v>43145</v>
      </c>
      <c r="G653" s="14" t="s">
        <v>2222</v>
      </c>
      <c r="I653" s="4"/>
      <c r="J653" s="4"/>
      <c r="K653" s="4"/>
      <c r="L653" s="4"/>
    </row>
    <row r="654" spans="1:12" ht="14.25" customHeight="1" x14ac:dyDescent="0.25">
      <c r="A654" s="12" t="s">
        <v>350</v>
      </c>
      <c r="B654" s="52" t="s">
        <v>352</v>
      </c>
      <c r="C654" s="45"/>
      <c r="D654" s="12"/>
      <c r="E654" s="12"/>
      <c r="F654" s="15">
        <v>43152</v>
      </c>
      <c r="G654" s="14" t="s">
        <v>1801</v>
      </c>
      <c r="I654" s="4"/>
      <c r="J654" s="4"/>
      <c r="K654" s="4"/>
      <c r="L654" s="4"/>
    </row>
    <row r="655" spans="1:12" ht="14.25" customHeight="1" x14ac:dyDescent="0.25">
      <c r="A655" s="12" t="s">
        <v>2224</v>
      </c>
      <c r="B655" s="52" t="s">
        <v>1308</v>
      </c>
      <c r="C655" s="45"/>
      <c r="D655" s="12"/>
      <c r="E655" s="12"/>
      <c r="F655" s="15">
        <v>43161</v>
      </c>
      <c r="G655" s="14" t="s">
        <v>2227</v>
      </c>
      <c r="I655" s="4"/>
      <c r="J655" s="4"/>
      <c r="K655" s="4"/>
      <c r="L655" s="4"/>
    </row>
    <row r="656" spans="1:12" ht="14.25" customHeight="1" x14ac:dyDescent="0.25">
      <c r="A656" s="12" t="s">
        <v>1368</v>
      </c>
      <c r="B656" s="52" t="s">
        <v>1834</v>
      </c>
      <c r="C656" s="45"/>
      <c r="D656" s="12"/>
      <c r="E656" s="12"/>
      <c r="F656" s="15">
        <v>43166</v>
      </c>
      <c r="G656" s="14" t="s">
        <v>1947</v>
      </c>
      <c r="I656" s="4"/>
      <c r="J656" s="4"/>
      <c r="K656" s="4"/>
      <c r="L656" s="4"/>
    </row>
    <row r="657" spans="1:12" ht="14.25" customHeight="1" x14ac:dyDescent="0.25">
      <c r="A657" s="12" t="s">
        <v>1556</v>
      </c>
      <c r="B657" s="52" t="s">
        <v>2228</v>
      </c>
      <c r="C657" s="45" t="s">
        <v>2229</v>
      </c>
      <c r="D657" s="12"/>
      <c r="E657" s="12"/>
      <c r="F657" s="16">
        <v>43191</v>
      </c>
      <c r="G657" s="14" t="s">
        <v>2230</v>
      </c>
      <c r="I657" s="4"/>
      <c r="J657" s="4"/>
      <c r="K657" s="4"/>
      <c r="L657" s="4"/>
    </row>
    <row r="658" spans="1:12" ht="14.25" customHeight="1" x14ac:dyDescent="0.25">
      <c r="A658" s="12" t="s">
        <v>44</v>
      </c>
      <c r="B658" s="52" t="s">
        <v>2231</v>
      </c>
      <c r="C658" s="45" t="s">
        <v>1175</v>
      </c>
      <c r="D658" s="12"/>
      <c r="E658" s="12"/>
      <c r="F658" s="15">
        <v>43191</v>
      </c>
      <c r="G658" s="14" t="s">
        <v>2233</v>
      </c>
      <c r="H658" s="4"/>
      <c r="I658" s="4"/>
      <c r="J658" s="4"/>
      <c r="K658" s="4"/>
      <c r="L658" s="4"/>
    </row>
    <row r="659" spans="1:12" ht="14.25" customHeight="1" x14ac:dyDescent="0.25">
      <c r="A659" s="12" t="s">
        <v>120</v>
      </c>
      <c r="B659" s="52" t="s">
        <v>1601</v>
      </c>
      <c r="C659" s="45" t="s">
        <v>2234</v>
      </c>
      <c r="D659" s="12"/>
      <c r="E659" s="12"/>
      <c r="F659" s="15">
        <v>43199</v>
      </c>
      <c r="G659" s="14" t="s">
        <v>2236</v>
      </c>
      <c r="H659" s="4"/>
      <c r="I659" s="4"/>
      <c r="J659" s="4"/>
      <c r="K659" s="4"/>
      <c r="L659" s="4"/>
    </row>
    <row r="660" spans="1:12" ht="14.25" customHeight="1" x14ac:dyDescent="0.25">
      <c r="A660" s="12" t="s">
        <v>2445</v>
      </c>
      <c r="B660" s="52" t="s">
        <v>1071</v>
      </c>
      <c r="C660" s="45"/>
      <c r="D660" s="12"/>
      <c r="E660" s="12"/>
      <c r="F660" s="15">
        <v>43210</v>
      </c>
      <c r="G660" s="14" t="s">
        <v>137</v>
      </c>
      <c r="I660" s="4"/>
      <c r="J660" s="4"/>
      <c r="K660" s="4"/>
      <c r="L660" s="4"/>
    </row>
    <row r="661" spans="1:12" ht="14.25" customHeight="1" x14ac:dyDescent="0.25">
      <c r="A661" s="12" t="s">
        <v>1962</v>
      </c>
      <c r="B661" s="52" t="s">
        <v>1549</v>
      </c>
      <c r="C661" s="45"/>
      <c r="D661" s="12" t="s">
        <v>1321</v>
      </c>
      <c r="E661" s="12" t="s">
        <v>1192</v>
      </c>
      <c r="F661" s="15">
        <v>43224</v>
      </c>
      <c r="G661" s="14" t="s">
        <v>1709</v>
      </c>
      <c r="I661" s="4"/>
      <c r="J661" s="4"/>
      <c r="K661" s="4"/>
      <c r="L661" s="4"/>
    </row>
    <row r="662" spans="1:12" ht="14.25" customHeight="1" x14ac:dyDescent="0.25">
      <c r="A662" s="12" t="s">
        <v>674</v>
      </c>
      <c r="B662" s="52" t="s">
        <v>2449</v>
      </c>
      <c r="C662" s="45"/>
      <c r="D662" s="12"/>
      <c r="E662" s="12"/>
      <c r="F662" s="15">
        <v>43231</v>
      </c>
      <c r="G662" s="14" t="s">
        <v>2450</v>
      </c>
      <c r="I662" s="4"/>
      <c r="J662" s="4"/>
      <c r="K662" s="4"/>
      <c r="L662" s="4"/>
    </row>
    <row r="663" spans="1:12" ht="14.25" customHeight="1" x14ac:dyDescent="0.25">
      <c r="A663" s="12" t="s">
        <v>2153</v>
      </c>
      <c r="B663" s="52" t="s">
        <v>2446</v>
      </c>
      <c r="C663" s="45"/>
      <c r="D663" s="12"/>
      <c r="E663" s="12"/>
      <c r="F663" s="15">
        <v>43229</v>
      </c>
      <c r="G663" s="14" t="s">
        <v>2448</v>
      </c>
      <c r="I663" s="4"/>
      <c r="J663" s="4"/>
      <c r="K663" s="4"/>
      <c r="L663" s="4"/>
    </row>
    <row r="664" spans="1:12" ht="14.25" customHeight="1" x14ac:dyDescent="0.25">
      <c r="A664" s="12" t="s">
        <v>1477</v>
      </c>
      <c r="B664" s="52" t="s">
        <v>1762</v>
      </c>
      <c r="C664" s="45"/>
      <c r="D664" s="12"/>
      <c r="E664" s="12"/>
      <c r="F664" s="15">
        <v>43238</v>
      </c>
      <c r="G664" s="14" t="s">
        <v>2451</v>
      </c>
      <c r="I664" s="4"/>
      <c r="J664" s="4"/>
      <c r="K664" s="4"/>
      <c r="L664" s="4"/>
    </row>
    <row r="665" spans="1:12" ht="14.25" customHeight="1" x14ac:dyDescent="0.25">
      <c r="A665" s="12" t="s">
        <v>2452</v>
      </c>
      <c r="B665" s="52" t="s">
        <v>2453</v>
      </c>
      <c r="C665" s="45"/>
      <c r="D665" s="12"/>
      <c r="E665" s="12"/>
      <c r="F665" s="15">
        <v>43242</v>
      </c>
      <c r="G665" s="14" t="s">
        <v>2031</v>
      </c>
      <c r="I665" s="4"/>
      <c r="J665" s="4"/>
      <c r="K665" s="4"/>
      <c r="L665" s="4"/>
    </row>
    <row r="666" spans="1:12" ht="14.25" customHeight="1" x14ac:dyDescent="0.25">
      <c r="A666" s="12" t="s">
        <v>391</v>
      </c>
      <c r="B666" s="52" t="s">
        <v>2454</v>
      </c>
      <c r="C666" s="45"/>
      <c r="D666" s="12"/>
      <c r="E666" s="12"/>
      <c r="F666" s="15">
        <v>43242</v>
      </c>
      <c r="G666" s="14" t="s">
        <v>1467</v>
      </c>
      <c r="I666" s="4"/>
      <c r="J666" s="4"/>
      <c r="K666" s="4"/>
      <c r="L666" s="4"/>
    </row>
    <row r="667" spans="1:12" ht="14.25" customHeight="1" x14ac:dyDescent="0.25">
      <c r="A667" s="12" t="s">
        <v>2456</v>
      </c>
      <c r="B667" s="52" t="s">
        <v>2289</v>
      </c>
      <c r="C667" s="45"/>
      <c r="D667" s="12"/>
      <c r="E667" s="12"/>
      <c r="F667" s="15">
        <v>43277</v>
      </c>
      <c r="G667" s="14" t="s">
        <v>550</v>
      </c>
      <c r="I667" s="4"/>
      <c r="J667" s="4"/>
      <c r="K667" s="4"/>
      <c r="L667" s="4"/>
    </row>
    <row r="668" spans="1:12" ht="14.25" customHeight="1" x14ac:dyDescent="0.25">
      <c r="A668" s="12" t="s">
        <v>2459</v>
      </c>
      <c r="B668" s="52" t="s">
        <v>1166</v>
      </c>
      <c r="C668" s="45"/>
      <c r="D668" s="12"/>
      <c r="E668" s="12"/>
      <c r="F668" s="15">
        <v>43282</v>
      </c>
      <c r="G668" s="14" t="s">
        <v>2447</v>
      </c>
      <c r="I668" s="4"/>
      <c r="J668" s="4"/>
      <c r="K668" s="4"/>
      <c r="L668" s="4"/>
    </row>
    <row r="669" spans="1:12" ht="14.25" customHeight="1" x14ac:dyDescent="0.25">
      <c r="A669" s="12" t="s">
        <v>2460</v>
      </c>
      <c r="B669" s="52" t="s">
        <v>2461</v>
      </c>
      <c r="C669" s="45"/>
      <c r="D669" s="12"/>
      <c r="E669" s="12"/>
      <c r="F669" s="13">
        <v>43289</v>
      </c>
      <c r="G669" s="14" t="s">
        <v>517</v>
      </c>
      <c r="I669" s="4"/>
      <c r="J669" s="4"/>
      <c r="K669" s="4"/>
      <c r="L669" s="4"/>
    </row>
    <row r="670" spans="1:12" ht="14.25" customHeight="1" x14ac:dyDescent="0.25">
      <c r="A670" s="12" t="s">
        <v>2462</v>
      </c>
      <c r="B670" s="52" t="s">
        <v>1811</v>
      </c>
      <c r="C670" s="45" t="s">
        <v>529</v>
      </c>
      <c r="D670" s="12"/>
      <c r="E670" s="12"/>
      <c r="F670" s="15">
        <v>43307</v>
      </c>
      <c r="G670" s="14" t="s">
        <v>2079</v>
      </c>
      <c r="I670" s="4"/>
      <c r="J670" s="4"/>
      <c r="K670" s="4"/>
      <c r="L670" s="4"/>
    </row>
    <row r="671" spans="1:12" s="4" customFormat="1" ht="14.25" customHeight="1" x14ac:dyDescent="0.25">
      <c r="A671" s="12" t="s">
        <v>1539</v>
      </c>
      <c r="B671" s="52" t="s">
        <v>2463</v>
      </c>
      <c r="C671" s="45"/>
      <c r="D671" s="12" t="s">
        <v>2290</v>
      </c>
      <c r="E671" s="12" t="s">
        <v>988</v>
      </c>
      <c r="F671" s="15">
        <v>43317</v>
      </c>
      <c r="G671" s="14" t="s">
        <v>873</v>
      </c>
    </row>
    <row r="672" spans="1:12" ht="14.25" customHeight="1" x14ac:dyDescent="0.25">
      <c r="A672" s="12" t="s">
        <v>2465</v>
      </c>
      <c r="B672" s="52" t="s">
        <v>1579</v>
      </c>
      <c r="C672" s="45"/>
      <c r="D672" s="12"/>
      <c r="E672" s="12"/>
      <c r="F672" s="15">
        <v>43336</v>
      </c>
      <c r="G672" s="14" t="s">
        <v>2466</v>
      </c>
      <c r="I672" s="4"/>
      <c r="J672" s="4"/>
      <c r="K672" s="4"/>
      <c r="L672" s="4"/>
    </row>
    <row r="673" spans="1:12" ht="14.25" customHeight="1" x14ac:dyDescent="0.25">
      <c r="A673" s="12" t="s">
        <v>2467</v>
      </c>
      <c r="B673" s="52" t="s">
        <v>2464</v>
      </c>
      <c r="C673" s="45" t="s">
        <v>2468</v>
      </c>
      <c r="D673" s="12"/>
      <c r="E673" s="12"/>
      <c r="F673" s="15">
        <v>43356</v>
      </c>
      <c r="G673" s="14" t="s">
        <v>2469</v>
      </c>
      <c r="H673" s="4"/>
      <c r="I673" s="4"/>
      <c r="J673" s="4"/>
      <c r="K673" s="4"/>
      <c r="L673" s="4"/>
    </row>
    <row r="674" spans="1:12" ht="14.25" customHeight="1" x14ac:dyDescent="0.25">
      <c r="A674" s="12" t="s">
        <v>969</v>
      </c>
      <c r="B674" s="52" t="s">
        <v>2464</v>
      </c>
      <c r="C674" s="45" t="s">
        <v>1163</v>
      </c>
      <c r="D674" s="12"/>
      <c r="E674" s="12"/>
      <c r="F674" s="15">
        <v>43355</v>
      </c>
      <c r="G674" s="14" t="s">
        <v>2017</v>
      </c>
      <c r="I674" s="4"/>
      <c r="J674" s="4"/>
      <c r="K674" s="4"/>
      <c r="L674" s="4"/>
    </row>
    <row r="675" spans="1:12" ht="14.25" customHeight="1" x14ac:dyDescent="0.25">
      <c r="A675" s="12" t="s">
        <v>2150</v>
      </c>
      <c r="B675" s="52" t="s">
        <v>2151</v>
      </c>
      <c r="C675" s="45" t="s">
        <v>2152</v>
      </c>
      <c r="D675" s="12" t="s">
        <v>456</v>
      </c>
      <c r="E675" s="12" t="s">
        <v>2470</v>
      </c>
      <c r="F675" s="15">
        <v>43359</v>
      </c>
      <c r="G675" s="14" t="s">
        <v>2471</v>
      </c>
      <c r="I675" s="4"/>
      <c r="J675" s="4"/>
      <c r="K675" s="4"/>
      <c r="L675" s="4"/>
    </row>
    <row r="676" spans="1:12" ht="14.25" customHeight="1" x14ac:dyDescent="0.25">
      <c r="A676" s="12" t="s">
        <v>2472</v>
      </c>
      <c r="B676" s="52" t="s">
        <v>2473</v>
      </c>
      <c r="C676" s="45"/>
      <c r="D676" s="12"/>
      <c r="E676" s="12"/>
      <c r="F676" s="15">
        <v>43369</v>
      </c>
      <c r="G676" s="14" t="s">
        <v>446</v>
      </c>
      <c r="I676" s="4"/>
      <c r="J676" s="4"/>
      <c r="K676" s="4"/>
      <c r="L676" s="4"/>
    </row>
    <row r="677" spans="1:12" ht="14.25" customHeight="1" x14ac:dyDescent="0.25">
      <c r="A677" s="12" t="s">
        <v>882</v>
      </c>
      <c r="B677" s="52" t="s">
        <v>1536</v>
      </c>
      <c r="C677" s="45" t="s">
        <v>2474</v>
      </c>
      <c r="D677" s="12"/>
      <c r="E677" s="12"/>
      <c r="F677" s="15">
        <v>43374</v>
      </c>
      <c r="G677" s="14" t="s">
        <v>1287</v>
      </c>
      <c r="H677" s="4"/>
      <c r="I677" s="4"/>
      <c r="J677" s="4"/>
      <c r="K677" s="4"/>
      <c r="L677" s="4"/>
    </row>
    <row r="678" spans="1:12" ht="14.25" customHeight="1" x14ac:dyDescent="0.25">
      <c r="A678" s="12" t="s">
        <v>719</v>
      </c>
      <c r="B678" s="52" t="s">
        <v>2476</v>
      </c>
      <c r="C678" s="45"/>
      <c r="D678" s="12" t="s">
        <v>456</v>
      </c>
      <c r="E678" s="12" t="s">
        <v>2470</v>
      </c>
      <c r="F678" s="15">
        <v>43374</v>
      </c>
      <c r="G678" s="14" t="s">
        <v>2015</v>
      </c>
      <c r="I678" s="4"/>
      <c r="J678" s="4"/>
      <c r="K678" s="4"/>
      <c r="L678" s="4"/>
    </row>
    <row r="679" spans="1:12" ht="14.25" customHeight="1" x14ac:dyDescent="0.25">
      <c r="A679" s="12" t="s">
        <v>2664</v>
      </c>
      <c r="B679" s="52" t="s">
        <v>2477</v>
      </c>
      <c r="C679" s="45"/>
      <c r="D679" s="12"/>
      <c r="E679" s="12"/>
      <c r="F679" s="15">
        <v>43378</v>
      </c>
      <c r="G679" s="14" t="s">
        <v>1245</v>
      </c>
      <c r="I679" s="4"/>
      <c r="J679" s="4"/>
      <c r="K679" s="4"/>
      <c r="L679" s="4"/>
    </row>
    <row r="680" spans="1:12" ht="14.25" customHeight="1" x14ac:dyDescent="0.25">
      <c r="A680" s="12" t="s">
        <v>2039</v>
      </c>
      <c r="B680" s="52" t="s">
        <v>2479</v>
      </c>
      <c r="C680" s="45"/>
      <c r="D680" s="12"/>
      <c r="E680" s="12"/>
      <c r="F680" s="15">
        <v>43395</v>
      </c>
      <c r="G680" s="14" t="s">
        <v>2480</v>
      </c>
      <c r="I680" s="4"/>
      <c r="J680" s="4"/>
      <c r="K680" s="4"/>
      <c r="L680" s="4"/>
    </row>
    <row r="681" spans="1:12" ht="14.25" customHeight="1" x14ac:dyDescent="0.25">
      <c r="A681" s="12" t="s">
        <v>283</v>
      </c>
      <c r="B681" s="52" t="s">
        <v>2478</v>
      </c>
      <c r="C681" s="45"/>
      <c r="D681" s="12"/>
      <c r="E681" s="12"/>
      <c r="F681" s="15">
        <v>43405</v>
      </c>
      <c r="G681" s="14" t="s">
        <v>1468</v>
      </c>
      <c r="H681" s="4"/>
      <c r="I681" s="4"/>
      <c r="J681" s="4"/>
      <c r="K681" s="4"/>
      <c r="L681" s="4"/>
    </row>
    <row r="682" spans="1:12" ht="14.25" customHeight="1" x14ac:dyDescent="0.25">
      <c r="A682" s="12" t="s">
        <v>599</v>
      </c>
      <c r="B682" s="52" t="s">
        <v>1716</v>
      </c>
      <c r="C682" s="45"/>
      <c r="D682" s="12"/>
      <c r="E682" s="12"/>
      <c r="F682" s="15">
        <v>43421</v>
      </c>
      <c r="G682" s="14" t="s">
        <v>2483</v>
      </c>
      <c r="I682" s="4"/>
      <c r="J682" s="4"/>
      <c r="K682" s="4"/>
      <c r="L682" s="4"/>
    </row>
    <row r="683" spans="1:12" ht="14.25" customHeight="1" x14ac:dyDescent="0.25">
      <c r="A683" s="12" t="s">
        <v>866</v>
      </c>
      <c r="B683" s="52" t="s">
        <v>2484</v>
      </c>
      <c r="C683" s="45" t="s">
        <v>52</v>
      </c>
      <c r="D683" s="12"/>
      <c r="E683" s="12"/>
      <c r="F683" s="15">
        <v>43440</v>
      </c>
      <c r="G683" s="14" t="s">
        <v>338</v>
      </c>
      <c r="I683" s="4"/>
      <c r="J683" s="4"/>
      <c r="K683" s="4"/>
      <c r="L683" s="4"/>
    </row>
    <row r="684" spans="1:12" ht="14.25" customHeight="1" x14ac:dyDescent="0.25">
      <c r="A684" s="12" t="s">
        <v>2485</v>
      </c>
      <c r="B684" s="52" t="s">
        <v>2486</v>
      </c>
      <c r="C684" s="45"/>
      <c r="D684" s="12"/>
      <c r="E684" s="12"/>
      <c r="F684" s="15">
        <v>43455</v>
      </c>
      <c r="G684" s="14" t="s">
        <v>1022</v>
      </c>
      <c r="H684" s="4"/>
      <c r="I684" s="4"/>
      <c r="J684" s="4"/>
      <c r="K684" s="4"/>
      <c r="L684" s="4"/>
    </row>
    <row r="685" spans="1:12" ht="14.25" customHeight="1" x14ac:dyDescent="0.25">
      <c r="A685" s="12" t="s">
        <v>1901</v>
      </c>
      <c r="B685" s="52" t="s">
        <v>293</v>
      </c>
      <c r="C685" s="45"/>
      <c r="D685" s="12"/>
      <c r="E685" s="12"/>
      <c r="F685" s="15">
        <v>43470</v>
      </c>
      <c r="G685" s="14" t="s">
        <v>2348</v>
      </c>
      <c r="I685" s="4"/>
      <c r="J685" s="4"/>
      <c r="K685" s="4"/>
      <c r="L685" s="4"/>
    </row>
    <row r="686" spans="1:12" ht="14.25" customHeight="1" x14ac:dyDescent="0.25">
      <c r="A686" s="12" t="s">
        <v>2488</v>
      </c>
      <c r="B686" s="52" t="s">
        <v>2490</v>
      </c>
      <c r="C686" s="45"/>
      <c r="D686" s="12"/>
      <c r="E686" s="12"/>
      <c r="F686" s="15">
        <v>43484</v>
      </c>
      <c r="G686" s="14" t="s">
        <v>1397</v>
      </c>
      <c r="I686" s="4"/>
      <c r="J686" s="4"/>
      <c r="K686" s="4"/>
      <c r="L686" s="4"/>
    </row>
    <row r="687" spans="1:12" ht="14.25" customHeight="1" x14ac:dyDescent="0.25">
      <c r="A687" s="12" t="s">
        <v>2386</v>
      </c>
      <c r="B687" s="52" t="s">
        <v>2494</v>
      </c>
      <c r="C687" s="45"/>
      <c r="D687" s="12"/>
      <c r="E687" s="12"/>
      <c r="F687" s="15">
        <v>43496</v>
      </c>
      <c r="G687" s="14" t="s">
        <v>2495</v>
      </c>
      <c r="I687" s="4"/>
      <c r="J687" s="4"/>
      <c r="K687" s="4"/>
      <c r="L687" s="4"/>
    </row>
    <row r="688" spans="1:12" ht="14.25" customHeight="1" x14ac:dyDescent="0.25">
      <c r="A688" s="12" t="s">
        <v>1139</v>
      </c>
      <c r="B688" s="52" t="s">
        <v>390</v>
      </c>
      <c r="C688" s="45" t="s">
        <v>2492</v>
      </c>
      <c r="D688" s="12"/>
      <c r="E688" s="12"/>
      <c r="F688" s="15">
        <v>43497</v>
      </c>
      <c r="G688" s="14" t="s">
        <v>2493</v>
      </c>
      <c r="I688" s="4"/>
      <c r="J688" s="4"/>
      <c r="K688" s="4"/>
      <c r="L688" s="4"/>
    </row>
    <row r="689" spans="1:12" ht="14.25" customHeight="1" x14ac:dyDescent="0.25">
      <c r="A689" s="12" t="s">
        <v>2496</v>
      </c>
      <c r="B689" s="52" t="s">
        <v>2497</v>
      </c>
      <c r="C689" s="45"/>
      <c r="D689" s="12"/>
      <c r="E689" s="12"/>
      <c r="F689" s="15">
        <v>43511</v>
      </c>
      <c r="G689" s="14" t="s">
        <v>115</v>
      </c>
      <c r="I689" s="4"/>
      <c r="J689" s="4"/>
      <c r="K689" s="4"/>
      <c r="L689" s="4"/>
    </row>
    <row r="690" spans="1:12" ht="14.25" customHeight="1" x14ac:dyDescent="0.25">
      <c r="A690" s="12" t="s">
        <v>1136</v>
      </c>
      <c r="B690" s="52" t="s">
        <v>2498</v>
      </c>
      <c r="C690" s="45"/>
      <c r="D690" s="12" t="s">
        <v>1144</v>
      </c>
      <c r="E690" s="12" t="s">
        <v>2242</v>
      </c>
      <c r="F690" s="15">
        <v>43512</v>
      </c>
      <c r="G690" s="14" t="s">
        <v>1009</v>
      </c>
      <c r="I690" s="4"/>
      <c r="J690" s="4"/>
      <c r="K690" s="4"/>
      <c r="L690" s="4"/>
    </row>
    <row r="691" spans="1:12" ht="14.25" customHeight="1" x14ac:dyDescent="0.25">
      <c r="A691" s="12" t="s">
        <v>1823</v>
      </c>
      <c r="B691" s="52" t="s">
        <v>2500</v>
      </c>
      <c r="C691" s="45"/>
      <c r="D691" s="12" t="s">
        <v>164</v>
      </c>
      <c r="E691" s="12" t="s">
        <v>1745</v>
      </c>
      <c r="F691" s="15">
        <v>43522</v>
      </c>
      <c r="G691" s="14" t="s">
        <v>2177</v>
      </c>
      <c r="I691" s="4"/>
      <c r="J691" s="4"/>
      <c r="K691" s="4"/>
      <c r="L691" s="4"/>
    </row>
    <row r="692" spans="1:12" ht="14.25" customHeight="1" x14ac:dyDescent="0.25">
      <c r="A692" s="12" t="s">
        <v>438</v>
      </c>
      <c r="B692" s="52" t="s">
        <v>2499</v>
      </c>
      <c r="C692" s="45"/>
      <c r="D692" s="12"/>
      <c r="E692" s="12"/>
      <c r="F692" s="15">
        <v>43527</v>
      </c>
      <c r="G692" s="14" t="s">
        <v>1721</v>
      </c>
      <c r="I692" s="4"/>
      <c r="J692" s="4"/>
      <c r="K692" s="4"/>
      <c r="L692" s="4"/>
    </row>
    <row r="693" spans="1:12" ht="14.25" customHeight="1" x14ac:dyDescent="0.25">
      <c r="A693" s="12" t="s">
        <v>2554</v>
      </c>
      <c r="B693" s="52" t="s">
        <v>2504</v>
      </c>
      <c r="C693" s="45"/>
      <c r="D693" s="12"/>
      <c r="E693" s="12"/>
      <c r="F693" s="15">
        <v>43552</v>
      </c>
      <c r="G693" s="14" t="s">
        <v>1660</v>
      </c>
      <c r="I693" s="4"/>
      <c r="J693" s="4"/>
      <c r="K693" s="4"/>
      <c r="L693" s="4"/>
    </row>
    <row r="694" spans="1:12" s="4" customFormat="1" ht="14.25" customHeight="1" x14ac:dyDescent="0.25">
      <c r="A694" s="12" t="s">
        <v>2505</v>
      </c>
      <c r="B694" s="52" t="s">
        <v>2506</v>
      </c>
      <c r="C694" s="45"/>
      <c r="D694" s="12"/>
      <c r="E694" s="12"/>
      <c r="F694" s="15">
        <v>43534</v>
      </c>
      <c r="G694" s="14" t="s">
        <v>1682</v>
      </c>
    </row>
    <row r="695" spans="1:12" ht="14.25" customHeight="1" x14ac:dyDescent="0.25">
      <c r="A695" s="12" t="s">
        <v>781</v>
      </c>
      <c r="B695" s="52" t="s">
        <v>2508</v>
      </c>
      <c r="C695" s="45"/>
      <c r="D695" s="12"/>
      <c r="E695" s="12"/>
      <c r="F695" s="15">
        <v>43543</v>
      </c>
      <c r="G695" s="14" t="s">
        <v>745</v>
      </c>
      <c r="I695" s="4"/>
      <c r="J695" s="4"/>
      <c r="K695" s="4"/>
      <c r="L695" s="4"/>
    </row>
    <row r="696" spans="1:12" ht="14.25" customHeight="1" x14ac:dyDescent="0.25">
      <c r="A696" s="12" t="s">
        <v>2509</v>
      </c>
      <c r="B696" s="52" t="s">
        <v>2510</v>
      </c>
      <c r="C696" s="45"/>
      <c r="D696" s="12" t="s">
        <v>2789</v>
      </c>
      <c r="E696" s="12" t="s">
        <v>400</v>
      </c>
      <c r="F696" s="15">
        <v>43553</v>
      </c>
      <c r="G696" s="14" t="s">
        <v>1377</v>
      </c>
      <c r="I696" s="4"/>
      <c r="J696" s="4"/>
      <c r="K696" s="4"/>
      <c r="L696" s="4"/>
    </row>
    <row r="697" spans="1:12" ht="14.25" customHeight="1" x14ac:dyDescent="0.25">
      <c r="A697" s="12" t="s">
        <v>2513</v>
      </c>
      <c r="B697" s="52" t="s">
        <v>80</v>
      </c>
      <c r="C697" s="45" t="s">
        <v>1481</v>
      </c>
      <c r="D697" s="12"/>
      <c r="E697" s="12"/>
      <c r="F697" s="13">
        <v>43556</v>
      </c>
      <c r="G697" s="14" t="s">
        <v>973</v>
      </c>
      <c r="I697" s="4"/>
      <c r="J697" s="4"/>
      <c r="K697" s="4"/>
      <c r="L697" s="4"/>
    </row>
    <row r="698" spans="1:12" ht="14.25" customHeight="1" x14ac:dyDescent="0.25">
      <c r="A698" s="12" t="s">
        <v>220</v>
      </c>
      <c r="B698" s="52" t="s">
        <v>1497</v>
      </c>
      <c r="C698" s="45" t="s">
        <v>2514</v>
      </c>
      <c r="D698" s="12"/>
      <c r="E698" s="12"/>
      <c r="F698" s="15">
        <v>43558</v>
      </c>
      <c r="G698" s="14" t="s">
        <v>2516</v>
      </c>
      <c r="I698" s="4"/>
      <c r="J698" s="4"/>
      <c r="K698" s="4"/>
      <c r="L698" s="4"/>
    </row>
    <row r="699" spans="1:12" ht="14.25" customHeight="1" x14ac:dyDescent="0.25">
      <c r="A699" s="12" t="s">
        <v>2203</v>
      </c>
      <c r="B699" s="52" t="s">
        <v>2517</v>
      </c>
      <c r="C699" s="45"/>
      <c r="D699" s="12"/>
      <c r="E699" s="12"/>
      <c r="F699" s="15">
        <v>43567</v>
      </c>
      <c r="G699" s="14" t="s">
        <v>450</v>
      </c>
      <c r="I699" s="4"/>
      <c r="J699" s="4"/>
      <c r="K699" s="4"/>
      <c r="L699" s="4"/>
    </row>
    <row r="700" spans="1:12" ht="14.25" customHeight="1" x14ac:dyDescent="0.25">
      <c r="A700" s="12" t="s">
        <v>2518</v>
      </c>
      <c r="B700" s="52" t="s">
        <v>2519</v>
      </c>
      <c r="C700" s="45" t="s">
        <v>2520</v>
      </c>
      <c r="D700" s="12" t="s">
        <v>2813</v>
      </c>
      <c r="E700" s="12" t="s">
        <v>2521</v>
      </c>
      <c r="F700" s="15">
        <v>43585</v>
      </c>
      <c r="G700" s="14" t="s">
        <v>234</v>
      </c>
      <c r="I700" s="4"/>
      <c r="J700" s="4"/>
      <c r="K700" s="4"/>
      <c r="L700" s="4"/>
    </row>
    <row r="701" spans="1:12" ht="14.25" customHeight="1" x14ac:dyDescent="0.25">
      <c r="A701" s="12" t="s">
        <v>2522</v>
      </c>
      <c r="B701" s="52" t="s">
        <v>1190</v>
      </c>
      <c r="C701" s="45"/>
      <c r="D701" s="12"/>
      <c r="E701" s="12"/>
      <c r="F701" s="15">
        <v>43586</v>
      </c>
      <c r="G701" s="14" t="s">
        <v>2523</v>
      </c>
      <c r="I701" s="4"/>
      <c r="J701" s="4"/>
      <c r="K701" s="4"/>
      <c r="L701" s="4"/>
    </row>
    <row r="702" spans="1:12" ht="14.25" customHeight="1" x14ac:dyDescent="0.25">
      <c r="A702" s="12" t="s">
        <v>526</v>
      </c>
      <c r="B702" s="52" t="s">
        <v>566</v>
      </c>
      <c r="C702" s="45"/>
      <c r="D702" s="12"/>
      <c r="E702" s="12"/>
      <c r="F702" s="15">
        <v>43592</v>
      </c>
      <c r="G702" s="14" t="s">
        <v>1283</v>
      </c>
      <c r="I702" s="4"/>
      <c r="J702" s="4"/>
      <c r="K702" s="4"/>
      <c r="L702" s="4"/>
    </row>
    <row r="703" spans="1:12" ht="14.25" customHeight="1" x14ac:dyDescent="0.25">
      <c r="A703" s="12" t="s">
        <v>2280</v>
      </c>
      <c r="B703" s="52" t="s">
        <v>898</v>
      </c>
      <c r="C703" s="45"/>
      <c r="D703" s="12" t="s">
        <v>2403</v>
      </c>
      <c r="E703" s="12" t="s">
        <v>2136</v>
      </c>
      <c r="F703" s="15">
        <v>43599</v>
      </c>
      <c r="G703" s="14" t="s">
        <v>1197</v>
      </c>
      <c r="I703" s="4"/>
      <c r="J703" s="4"/>
      <c r="K703" s="4"/>
      <c r="L703" s="4"/>
    </row>
    <row r="704" spans="1:12" ht="14.25" customHeight="1" x14ac:dyDescent="0.25">
      <c r="A704" s="12" t="s">
        <v>1526</v>
      </c>
      <c r="B704" s="52" t="s">
        <v>382</v>
      </c>
      <c r="C704" s="45" t="s">
        <v>2524</v>
      </c>
      <c r="D704" s="12"/>
      <c r="E704" s="12"/>
      <c r="F704" s="15">
        <v>43581</v>
      </c>
      <c r="G704" s="14" t="s">
        <v>2225</v>
      </c>
      <c r="I704" s="4"/>
      <c r="J704" s="4"/>
      <c r="K704" s="4"/>
      <c r="L704" s="4"/>
    </row>
    <row r="705" spans="1:12" ht="14.25" customHeight="1" x14ac:dyDescent="0.25">
      <c r="A705" s="12" t="s">
        <v>2526</v>
      </c>
      <c r="B705" s="52" t="s">
        <v>2527</v>
      </c>
      <c r="C705" s="45"/>
      <c r="D705" s="12"/>
      <c r="E705" s="12"/>
      <c r="F705" s="15">
        <v>43606</v>
      </c>
      <c r="G705" s="14" t="s">
        <v>1196</v>
      </c>
      <c r="I705" s="4"/>
      <c r="J705" s="4"/>
      <c r="K705" s="4"/>
      <c r="L705" s="4"/>
    </row>
    <row r="706" spans="1:12" ht="14.25" customHeight="1" x14ac:dyDescent="0.25">
      <c r="A706" s="12" t="s">
        <v>658</v>
      </c>
      <c r="B706" s="52" t="s">
        <v>848</v>
      </c>
      <c r="C706" s="45" t="s">
        <v>2528</v>
      </c>
      <c r="D706" s="12"/>
      <c r="E706" s="12"/>
      <c r="F706" s="15">
        <v>43615</v>
      </c>
      <c r="G706" s="14" t="s">
        <v>1422</v>
      </c>
      <c r="H706" s="4"/>
      <c r="I706" s="4"/>
      <c r="J706" s="4"/>
      <c r="K706" s="4"/>
      <c r="L706" s="4"/>
    </row>
    <row r="707" spans="1:12" ht="14.25" customHeight="1" x14ac:dyDescent="0.25">
      <c r="A707" s="12" t="s">
        <v>2529</v>
      </c>
      <c r="B707" s="52" t="s">
        <v>2530</v>
      </c>
      <c r="C707" s="45" t="s">
        <v>2531</v>
      </c>
      <c r="D707" s="12"/>
      <c r="E707" s="12"/>
      <c r="F707" s="15">
        <v>43627</v>
      </c>
      <c r="G707" s="14" t="s">
        <v>2532</v>
      </c>
      <c r="H707" s="4"/>
      <c r="I707" s="4"/>
      <c r="J707" s="4"/>
      <c r="K707" s="4"/>
      <c r="L707" s="4"/>
    </row>
    <row r="708" spans="1:12" ht="14.25" customHeight="1" x14ac:dyDescent="0.25">
      <c r="A708" s="12" t="s">
        <v>78</v>
      </c>
      <c r="B708" s="52" t="s">
        <v>2533</v>
      </c>
      <c r="C708" s="45"/>
      <c r="D708" s="12"/>
      <c r="E708" s="12"/>
      <c r="F708" s="15">
        <v>43634</v>
      </c>
      <c r="G708" s="14" t="s">
        <v>2534</v>
      </c>
      <c r="I708" s="4"/>
      <c r="J708" s="4"/>
      <c r="K708" s="4"/>
      <c r="L708" s="4"/>
    </row>
    <row r="709" spans="1:12" ht="14.25" customHeight="1" x14ac:dyDescent="0.25">
      <c r="A709" s="12" t="s">
        <v>175</v>
      </c>
      <c r="B709" s="52" t="s">
        <v>1775</v>
      </c>
      <c r="C709" s="45" t="s">
        <v>2535</v>
      </c>
      <c r="D709" s="12"/>
      <c r="E709" s="12"/>
      <c r="F709" s="15">
        <v>43641</v>
      </c>
      <c r="G709" s="14" t="s">
        <v>2458</v>
      </c>
      <c r="I709" s="4"/>
      <c r="J709" s="4"/>
      <c r="K709" s="4"/>
      <c r="L709" s="4"/>
    </row>
    <row r="710" spans="1:12" ht="14.25" customHeight="1" x14ac:dyDescent="0.25">
      <c r="A710" s="12" t="s">
        <v>2536</v>
      </c>
      <c r="B710" s="52" t="s">
        <v>779</v>
      </c>
      <c r="C710" s="45"/>
      <c r="D710" s="12"/>
      <c r="E710" s="12"/>
      <c r="F710" s="15">
        <v>43643</v>
      </c>
      <c r="G710" s="14" t="s">
        <v>2537</v>
      </c>
      <c r="I710" s="4"/>
      <c r="J710" s="4"/>
      <c r="K710" s="4"/>
      <c r="L710" s="4"/>
    </row>
    <row r="711" spans="1:12" ht="14.25" customHeight="1" x14ac:dyDescent="0.25">
      <c r="A711" s="12" t="s">
        <v>2481</v>
      </c>
      <c r="B711" s="52" t="s">
        <v>2540</v>
      </c>
      <c r="C711" s="45"/>
      <c r="D711" s="12"/>
      <c r="E711" s="12"/>
      <c r="F711" s="13">
        <v>43647</v>
      </c>
      <c r="G711" s="14" t="s">
        <v>2541</v>
      </c>
      <c r="I711" s="4"/>
      <c r="J711" s="4"/>
      <c r="K711" s="4"/>
      <c r="L711" s="4"/>
    </row>
    <row r="712" spans="1:12" ht="14.25" customHeight="1" x14ac:dyDescent="0.25">
      <c r="A712" s="12" t="s">
        <v>1178</v>
      </c>
      <c r="B712" s="52" t="s">
        <v>681</v>
      </c>
      <c r="C712" s="45" t="s">
        <v>1460</v>
      </c>
      <c r="D712" s="12" t="s">
        <v>2814</v>
      </c>
      <c r="E712" s="12" t="s">
        <v>2542</v>
      </c>
      <c r="F712" s="15">
        <v>43650</v>
      </c>
      <c r="G712" s="14" t="s">
        <v>222</v>
      </c>
      <c r="H712" s="4"/>
      <c r="I712" s="4"/>
      <c r="J712" s="4"/>
      <c r="K712" s="4"/>
      <c r="L712" s="4"/>
    </row>
    <row r="713" spans="1:12" ht="14.25" customHeight="1" x14ac:dyDescent="0.25">
      <c r="A713" s="12" t="s">
        <v>2543</v>
      </c>
      <c r="B713" s="52" t="s">
        <v>1604</v>
      </c>
      <c r="C713" s="45"/>
      <c r="D713" s="12"/>
      <c r="E713" s="12"/>
      <c r="F713" s="15">
        <v>43654</v>
      </c>
      <c r="G713" s="14" t="s">
        <v>1783</v>
      </c>
      <c r="I713" s="4"/>
      <c r="J713" s="4"/>
      <c r="K713" s="4"/>
      <c r="L713" s="4"/>
    </row>
    <row r="714" spans="1:12" ht="14.25" customHeight="1" x14ac:dyDescent="0.25">
      <c r="A714" s="12" t="s">
        <v>349</v>
      </c>
      <c r="B714" s="52" t="s">
        <v>657</v>
      </c>
      <c r="C714" s="45" t="s">
        <v>640</v>
      </c>
      <c r="D714" s="12" t="s">
        <v>2114</v>
      </c>
      <c r="E714" s="12" t="s">
        <v>2196</v>
      </c>
      <c r="F714" s="15">
        <v>43654</v>
      </c>
      <c r="G714" s="14" t="s">
        <v>2544</v>
      </c>
      <c r="I714" s="4"/>
      <c r="J714" s="4"/>
      <c r="K714" s="4"/>
      <c r="L714" s="4"/>
    </row>
    <row r="715" spans="1:12" ht="14.25" customHeight="1" x14ac:dyDescent="0.25">
      <c r="A715" s="12" t="s">
        <v>1056</v>
      </c>
      <c r="B715" s="52" t="s">
        <v>2538</v>
      </c>
      <c r="C715" s="45" t="s">
        <v>2539</v>
      </c>
      <c r="D715" s="12"/>
      <c r="E715" s="12"/>
      <c r="F715" s="15">
        <v>43657</v>
      </c>
      <c r="G715" s="14" t="s">
        <v>1963</v>
      </c>
      <c r="I715" s="4"/>
      <c r="J715" s="4"/>
      <c r="K715" s="4"/>
      <c r="L715" s="4"/>
    </row>
    <row r="716" spans="1:12" ht="14.25" customHeight="1" x14ac:dyDescent="0.25">
      <c r="A716" s="12" t="s">
        <v>812</v>
      </c>
      <c r="B716" s="52" t="s">
        <v>1713</v>
      </c>
      <c r="C716" s="45"/>
      <c r="D716" s="12"/>
      <c r="E716" s="12"/>
      <c r="F716" s="15">
        <v>43658</v>
      </c>
      <c r="G716" s="14" t="s">
        <v>2549</v>
      </c>
      <c r="I716" s="4"/>
      <c r="J716" s="4"/>
      <c r="K716" s="4"/>
      <c r="L716" s="4"/>
    </row>
    <row r="717" spans="1:12" ht="14.25" customHeight="1" x14ac:dyDescent="0.25">
      <c r="A717" s="12" t="s">
        <v>2545</v>
      </c>
      <c r="B717" s="52" t="s">
        <v>2546</v>
      </c>
      <c r="C717" s="45" t="s">
        <v>2547</v>
      </c>
      <c r="D717" s="12" t="s">
        <v>2815</v>
      </c>
      <c r="E717" s="12" t="s">
        <v>988</v>
      </c>
      <c r="F717" s="15">
        <v>43670</v>
      </c>
      <c r="G717" s="14" t="s">
        <v>2548</v>
      </c>
      <c r="I717" s="4"/>
      <c r="J717" s="4"/>
      <c r="K717" s="4"/>
      <c r="L717" s="4"/>
    </row>
    <row r="718" spans="1:12" ht="14.25" customHeight="1" x14ac:dyDescent="0.25">
      <c r="A718" s="12" t="s">
        <v>1956</v>
      </c>
      <c r="B718" s="52" t="s">
        <v>1504</v>
      </c>
      <c r="C718" s="45" t="s">
        <v>369</v>
      </c>
      <c r="D718" s="12"/>
      <c r="E718" s="12"/>
      <c r="F718" s="15">
        <v>43680</v>
      </c>
      <c r="G718" s="14" t="s">
        <v>2551</v>
      </c>
      <c r="H718" s="4"/>
      <c r="I718" s="4"/>
      <c r="J718" s="4"/>
      <c r="K718" s="4"/>
      <c r="L718" s="4"/>
    </row>
    <row r="719" spans="1:12" ht="14.25" customHeight="1" x14ac:dyDescent="0.25">
      <c r="A719" s="12" t="s">
        <v>2552</v>
      </c>
      <c r="B719" s="52" t="s">
        <v>109</v>
      </c>
      <c r="C719" s="45"/>
      <c r="D719" s="12"/>
      <c r="E719" s="12"/>
      <c r="F719" s="16">
        <v>43687</v>
      </c>
      <c r="G719" s="14" t="s">
        <v>1388</v>
      </c>
      <c r="I719" s="4"/>
      <c r="J719" s="4"/>
      <c r="K719" s="4"/>
      <c r="L719" s="4"/>
    </row>
    <row r="720" spans="1:12" ht="14.25" customHeight="1" x14ac:dyDescent="0.25">
      <c r="A720" s="12" t="s">
        <v>2887</v>
      </c>
      <c r="B720" s="52" t="s">
        <v>2553</v>
      </c>
      <c r="C720" s="45"/>
      <c r="D720" s="12" t="s">
        <v>289</v>
      </c>
      <c r="E720" s="12" t="s">
        <v>177</v>
      </c>
      <c r="F720" s="15">
        <v>43704</v>
      </c>
      <c r="G720" s="14" t="s">
        <v>2160</v>
      </c>
      <c r="I720" s="4"/>
      <c r="J720" s="4"/>
      <c r="K720" s="4"/>
      <c r="L720" s="4"/>
    </row>
    <row r="721" spans="1:12" ht="14.25" customHeight="1" x14ac:dyDescent="0.25">
      <c r="A721" s="12" t="s">
        <v>1738</v>
      </c>
      <c r="B721" s="52" t="s">
        <v>2555</v>
      </c>
      <c r="C721" s="45" t="s">
        <v>2556</v>
      </c>
      <c r="D721" s="12"/>
      <c r="E721" s="12"/>
      <c r="F721" s="25">
        <v>43709</v>
      </c>
      <c r="G721" s="14" t="s">
        <v>419</v>
      </c>
      <c r="H721" s="4"/>
      <c r="I721" s="4"/>
      <c r="J721" s="4"/>
      <c r="K721" s="4"/>
      <c r="L721" s="4"/>
    </row>
    <row r="722" spans="1:12" ht="14.25" customHeight="1" x14ac:dyDescent="0.25">
      <c r="A722" s="12" t="s">
        <v>2557</v>
      </c>
      <c r="B722" s="52" t="s">
        <v>2558</v>
      </c>
      <c r="C722" s="45"/>
      <c r="D722" s="12"/>
      <c r="E722" s="12"/>
      <c r="F722" s="15">
        <v>43718</v>
      </c>
      <c r="G722" s="14" t="s">
        <v>581</v>
      </c>
      <c r="H722" s="4"/>
      <c r="I722" s="4"/>
      <c r="J722" s="4"/>
      <c r="K722" s="4"/>
      <c r="L722" s="4"/>
    </row>
    <row r="723" spans="1:12" ht="14.25" customHeight="1" x14ac:dyDescent="0.25">
      <c r="A723" s="12" t="s">
        <v>87</v>
      </c>
      <c r="B723" s="52" t="s">
        <v>1906</v>
      </c>
      <c r="C723" s="45" t="s">
        <v>83</v>
      </c>
      <c r="D723" s="12"/>
      <c r="E723" s="12"/>
      <c r="F723" s="15">
        <v>43748</v>
      </c>
      <c r="G723" s="14" t="s">
        <v>2559</v>
      </c>
      <c r="I723" s="4"/>
      <c r="J723" s="4"/>
      <c r="K723" s="4"/>
      <c r="L723" s="4"/>
    </row>
    <row r="724" spans="1:12" ht="14.25" customHeight="1" x14ac:dyDescent="0.25">
      <c r="A724" s="12" t="s">
        <v>1888</v>
      </c>
      <c r="B724" s="52" t="s">
        <v>1746</v>
      </c>
      <c r="C724" s="45" t="s">
        <v>2560</v>
      </c>
      <c r="D724" s="12" t="s">
        <v>2491</v>
      </c>
      <c r="E724" s="12" t="s">
        <v>1955</v>
      </c>
      <c r="F724" s="15">
        <v>43755</v>
      </c>
      <c r="G724" s="14" t="s">
        <v>2099</v>
      </c>
      <c r="I724" s="4"/>
      <c r="J724" s="4"/>
      <c r="K724" s="4"/>
      <c r="L724" s="4"/>
    </row>
    <row r="725" spans="1:12" ht="14.25" customHeight="1" x14ac:dyDescent="0.25">
      <c r="A725" s="12" t="s">
        <v>2565</v>
      </c>
      <c r="B725" s="52" t="s">
        <v>1746</v>
      </c>
      <c r="C725" s="45" t="s">
        <v>2560</v>
      </c>
      <c r="D725" s="12" t="s">
        <v>2790</v>
      </c>
      <c r="E725" s="12" t="s">
        <v>2566</v>
      </c>
      <c r="F725" s="15">
        <v>43755</v>
      </c>
      <c r="G725" s="14" t="s">
        <v>2567</v>
      </c>
      <c r="I725" s="4"/>
      <c r="J725" s="4"/>
      <c r="K725" s="4"/>
      <c r="L725" s="4"/>
    </row>
    <row r="726" spans="1:12" ht="14.25" customHeight="1" x14ac:dyDescent="0.25">
      <c r="A726" s="12" t="s">
        <v>609</v>
      </c>
      <c r="B726" s="52" t="s">
        <v>2067</v>
      </c>
      <c r="C726" s="45" t="s">
        <v>2562</v>
      </c>
      <c r="D726" s="12" t="s">
        <v>2816</v>
      </c>
      <c r="E726" s="12" t="s">
        <v>2563</v>
      </c>
      <c r="F726" s="15">
        <v>43756</v>
      </c>
      <c r="G726" s="14" t="s">
        <v>2564</v>
      </c>
      <c r="I726" s="4"/>
      <c r="J726" s="4"/>
      <c r="K726" s="4"/>
      <c r="L726" s="4"/>
    </row>
    <row r="727" spans="1:12" ht="14.25" customHeight="1" x14ac:dyDescent="0.25">
      <c r="A727" s="12" t="s">
        <v>2200</v>
      </c>
      <c r="B727" s="52" t="s">
        <v>2569</v>
      </c>
      <c r="C727" s="45"/>
      <c r="D727" s="12"/>
      <c r="E727" s="12"/>
      <c r="F727" s="15">
        <v>43760</v>
      </c>
      <c r="G727" s="14" t="s">
        <v>1270</v>
      </c>
      <c r="I727" s="4"/>
      <c r="J727" s="4"/>
      <c r="K727" s="4"/>
      <c r="L727" s="4"/>
    </row>
    <row r="728" spans="1:12" ht="14.25" customHeight="1" x14ac:dyDescent="0.25">
      <c r="A728" s="12" t="s">
        <v>1633</v>
      </c>
      <c r="B728" s="52" t="s">
        <v>2568</v>
      </c>
      <c r="C728" s="45"/>
      <c r="D728" s="12"/>
      <c r="E728" s="12"/>
      <c r="F728" s="15">
        <v>43770</v>
      </c>
      <c r="G728" s="14" t="s">
        <v>595</v>
      </c>
      <c r="I728" s="4"/>
      <c r="J728" s="4"/>
      <c r="K728" s="4"/>
      <c r="L728" s="4"/>
    </row>
    <row r="729" spans="1:12" ht="14.25" customHeight="1" x14ac:dyDescent="0.25">
      <c r="A729" s="12" t="s">
        <v>784</v>
      </c>
      <c r="B729" s="52" t="s">
        <v>1791</v>
      </c>
      <c r="C729" s="45" t="s">
        <v>1552</v>
      </c>
      <c r="D729" s="12"/>
      <c r="E729" s="12"/>
      <c r="F729" s="23">
        <v>43773</v>
      </c>
      <c r="G729" s="14" t="s">
        <v>1463</v>
      </c>
      <c r="I729" s="4"/>
      <c r="J729" s="4"/>
      <c r="K729" s="4"/>
      <c r="L729" s="4"/>
    </row>
    <row r="730" spans="1:12" ht="14.25" customHeight="1" x14ac:dyDescent="0.25">
      <c r="A730" s="12" t="s">
        <v>2571</v>
      </c>
      <c r="B730" s="52" t="s">
        <v>2572</v>
      </c>
      <c r="C730" s="45"/>
      <c r="D730" s="12"/>
      <c r="E730" s="12"/>
      <c r="F730" s="15">
        <v>43780</v>
      </c>
      <c r="G730" s="14" t="s">
        <v>2573</v>
      </c>
      <c r="I730" s="4"/>
      <c r="J730" s="4"/>
      <c r="K730" s="4"/>
      <c r="L730" s="4"/>
    </row>
    <row r="731" spans="1:12" ht="14.25" customHeight="1" x14ac:dyDescent="0.25">
      <c r="A731" s="12" t="s">
        <v>2575</v>
      </c>
      <c r="B731" s="52" t="s">
        <v>1140</v>
      </c>
      <c r="C731" s="45"/>
      <c r="D731" s="12"/>
      <c r="E731" s="12"/>
      <c r="F731" s="15">
        <v>43819</v>
      </c>
      <c r="G731" s="14" t="s">
        <v>2577</v>
      </c>
      <c r="I731" s="4"/>
      <c r="J731" s="4"/>
      <c r="K731" s="4"/>
      <c r="L731" s="4"/>
    </row>
    <row r="732" spans="1:12" ht="14.25" customHeight="1" x14ac:dyDescent="0.25">
      <c r="A732" s="12" t="s">
        <v>440</v>
      </c>
      <c r="B732" s="52" t="s">
        <v>620</v>
      </c>
      <c r="C732" s="45" t="s">
        <v>2443</v>
      </c>
      <c r="D732" s="12"/>
      <c r="E732" s="12"/>
      <c r="F732" s="15">
        <v>43829</v>
      </c>
      <c r="G732" s="14" t="s">
        <v>2318</v>
      </c>
      <c r="I732" s="4"/>
      <c r="J732" s="4"/>
      <c r="K732" s="4"/>
      <c r="L732" s="4"/>
    </row>
    <row r="733" spans="1:12" ht="14.25" customHeight="1" x14ac:dyDescent="0.25">
      <c r="A733" s="12" t="s">
        <v>1753</v>
      </c>
      <c r="B733" s="52" t="s">
        <v>829</v>
      </c>
      <c r="C733" s="45"/>
      <c r="D733" s="12"/>
      <c r="E733" s="12"/>
      <c r="F733" s="15">
        <v>43831</v>
      </c>
      <c r="G733" s="14" t="s">
        <v>1185</v>
      </c>
      <c r="I733" s="4"/>
      <c r="J733" s="4"/>
      <c r="K733" s="4"/>
      <c r="L733" s="4"/>
    </row>
    <row r="734" spans="1:12" ht="14.25" customHeight="1" x14ac:dyDescent="0.25">
      <c r="A734" s="12" t="s">
        <v>285</v>
      </c>
      <c r="B734" s="52" t="s">
        <v>1309</v>
      </c>
      <c r="C734" s="45"/>
      <c r="D734" s="12"/>
      <c r="E734" s="12"/>
      <c r="F734" s="23">
        <v>43831</v>
      </c>
      <c r="G734" s="14" t="s">
        <v>1622</v>
      </c>
      <c r="I734" s="4"/>
      <c r="J734" s="4"/>
      <c r="K734" s="4"/>
      <c r="L734" s="4"/>
    </row>
    <row r="735" spans="1:12" ht="14.25" customHeight="1" x14ac:dyDescent="0.25">
      <c r="A735" s="12" t="s">
        <v>1502</v>
      </c>
      <c r="B735" s="52" t="s">
        <v>2574</v>
      </c>
      <c r="C735" s="45"/>
      <c r="D735" s="12"/>
      <c r="E735" s="12"/>
      <c r="F735" s="15">
        <v>43836</v>
      </c>
      <c r="G735" s="14" t="s">
        <v>145</v>
      </c>
      <c r="H735" s="4"/>
      <c r="I735" s="4"/>
      <c r="J735" s="4"/>
      <c r="K735" s="4"/>
      <c r="L735" s="4"/>
    </row>
    <row r="736" spans="1:12" ht="14.25" customHeight="1" x14ac:dyDescent="0.25">
      <c r="A736" s="12" t="s">
        <v>554</v>
      </c>
      <c r="B736" s="52" t="s">
        <v>1342</v>
      </c>
      <c r="C736" s="45"/>
      <c r="D736" s="12"/>
      <c r="E736" s="12"/>
      <c r="F736" s="15">
        <v>43851</v>
      </c>
      <c r="G736" s="14" t="s">
        <v>2580</v>
      </c>
      <c r="I736" s="4"/>
      <c r="J736" s="4"/>
      <c r="K736" s="4"/>
      <c r="L736" s="4"/>
    </row>
    <row r="737" spans="1:12" ht="14.25" customHeight="1" x14ac:dyDescent="0.25">
      <c r="A737" s="12" t="s">
        <v>2241</v>
      </c>
      <c r="B737" s="52" t="s">
        <v>1730</v>
      </c>
      <c r="C737" s="45" t="s">
        <v>2578</v>
      </c>
      <c r="D737" s="12"/>
      <c r="E737" s="12"/>
      <c r="F737" s="15">
        <v>43852</v>
      </c>
      <c r="G737" s="14" t="s">
        <v>2579</v>
      </c>
      <c r="I737" s="4"/>
      <c r="J737" s="4"/>
      <c r="K737" s="4"/>
      <c r="L737" s="4"/>
    </row>
    <row r="738" spans="1:12" ht="14.25" customHeight="1" x14ac:dyDescent="0.25">
      <c r="A738" s="12" t="s">
        <v>2582</v>
      </c>
      <c r="B738" s="52" t="s">
        <v>2275</v>
      </c>
      <c r="C738" s="45" t="s">
        <v>1968</v>
      </c>
      <c r="D738" s="12"/>
      <c r="E738" s="12"/>
      <c r="F738" s="15">
        <v>43855</v>
      </c>
      <c r="G738" s="14" t="s">
        <v>968</v>
      </c>
      <c r="I738" s="4"/>
      <c r="J738" s="4"/>
      <c r="K738" s="4"/>
      <c r="L738" s="4"/>
    </row>
    <row r="739" spans="1:12" ht="14.25" customHeight="1" x14ac:dyDescent="0.25">
      <c r="A739" s="12" t="s">
        <v>2583</v>
      </c>
      <c r="B739" s="52" t="s">
        <v>2636</v>
      </c>
      <c r="C739" s="45"/>
      <c r="D739" s="12"/>
      <c r="E739" s="12"/>
      <c r="F739" s="15">
        <v>43858</v>
      </c>
      <c r="G739" s="14" t="s">
        <v>204</v>
      </c>
      <c r="I739" s="4"/>
      <c r="J739" s="4"/>
      <c r="K739" s="4"/>
      <c r="L739" s="4"/>
    </row>
    <row r="740" spans="1:12" ht="14.25" customHeight="1" x14ac:dyDescent="0.25">
      <c r="A740" s="12" t="s">
        <v>490</v>
      </c>
      <c r="B740" s="52" t="s">
        <v>2587</v>
      </c>
      <c r="C740" s="45" t="s">
        <v>2591</v>
      </c>
      <c r="D740" s="12"/>
      <c r="E740" s="12"/>
      <c r="F740" s="13">
        <v>43888</v>
      </c>
      <c r="G740" s="14" t="s">
        <v>2585</v>
      </c>
      <c r="I740" s="4"/>
      <c r="J740" s="4"/>
      <c r="K740" s="4"/>
      <c r="L740" s="4"/>
    </row>
    <row r="741" spans="1:12" ht="14.25" customHeight="1" x14ac:dyDescent="0.25">
      <c r="A741" s="12" t="s">
        <v>1421</v>
      </c>
      <c r="B741" s="52" t="s">
        <v>2588</v>
      </c>
      <c r="C741" s="45" t="s">
        <v>756</v>
      </c>
      <c r="D741" s="12"/>
      <c r="E741" s="12"/>
      <c r="F741" s="13">
        <v>43891</v>
      </c>
      <c r="G741" s="14" t="s">
        <v>2036</v>
      </c>
      <c r="H741" s="4"/>
      <c r="I741" s="4"/>
      <c r="J741" s="4"/>
      <c r="K741" s="4"/>
      <c r="L741" s="4"/>
    </row>
    <row r="742" spans="1:12" ht="14.25" customHeight="1" x14ac:dyDescent="0.25">
      <c r="A742" s="12" t="s">
        <v>2589</v>
      </c>
      <c r="B742" s="52" t="s">
        <v>2590</v>
      </c>
      <c r="C742" s="45"/>
      <c r="D742" s="12"/>
      <c r="E742" s="12"/>
      <c r="F742" s="22">
        <v>43891</v>
      </c>
      <c r="G742" s="14" t="s">
        <v>495</v>
      </c>
      <c r="I742" s="4"/>
      <c r="J742" s="4"/>
      <c r="K742" s="4"/>
      <c r="L742" s="4"/>
    </row>
    <row r="743" spans="1:12" ht="14.25" customHeight="1" x14ac:dyDescent="0.25">
      <c r="A743" s="12" t="s">
        <v>2586</v>
      </c>
      <c r="B743" s="52" t="s">
        <v>1034</v>
      </c>
      <c r="C743" s="45"/>
      <c r="D743" s="12"/>
      <c r="E743" s="12"/>
      <c r="F743" s="13">
        <v>43907</v>
      </c>
      <c r="G743" s="14" t="s">
        <v>1741</v>
      </c>
      <c r="I743" s="4"/>
      <c r="J743" s="4"/>
      <c r="K743" s="4"/>
      <c r="L743" s="4"/>
    </row>
    <row r="744" spans="1:12" ht="14.25" customHeight="1" x14ac:dyDescent="0.25">
      <c r="A744" s="12" t="s">
        <v>2592</v>
      </c>
      <c r="B744" s="52" t="s">
        <v>2593</v>
      </c>
      <c r="C744" s="45"/>
      <c r="D744" s="12"/>
      <c r="E744" s="12"/>
      <c r="F744" s="13">
        <v>43915</v>
      </c>
      <c r="G744" s="14" t="s">
        <v>1651</v>
      </c>
      <c r="I744" s="4"/>
      <c r="J744" s="4"/>
      <c r="K744" s="4"/>
      <c r="L744" s="4"/>
    </row>
    <row r="745" spans="1:12" ht="14.25" customHeight="1" x14ac:dyDescent="0.25">
      <c r="A745" s="12" t="s">
        <v>2053</v>
      </c>
      <c r="B745" s="52" t="s">
        <v>2594</v>
      </c>
      <c r="C745" s="45"/>
      <c r="D745" s="12"/>
      <c r="E745" s="12"/>
      <c r="F745" s="13">
        <v>43919</v>
      </c>
      <c r="G745" s="14" t="s">
        <v>1018</v>
      </c>
      <c r="I745" s="4"/>
      <c r="J745" s="4"/>
      <c r="K745" s="4"/>
      <c r="L745" s="4"/>
    </row>
    <row r="746" spans="1:12" ht="14.25" customHeight="1" x14ac:dyDescent="0.25">
      <c r="A746" s="12" t="s">
        <v>2171</v>
      </c>
      <c r="B746" s="52" t="s">
        <v>955</v>
      </c>
      <c r="C746" s="45"/>
      <c r="D746" s="12"/>
      <c r="E746" s="12"/>
      <c r="F746" s="13">
        <v>43908</v>
      </c>
      <c r="G746" s="14" t="s">
        <v>948</v>
      </c>
      <c r="I746" s="4"/>
      <c r="J746" s="4"/>
      <c r="K746" s="4"/>
      <c r="L746" s="4"/>
    </row>
    <row r="747" spans="1:12" ht="14.25" customHeight="1" x14ac:dyDescent="0.25">
      <c r="A747" s="12" t="s">
        <v>2595</v>
      </c>
      <c r="B747" s="52" t="s">
        <v>2596</v>
      </c>
      <c r="C747" s="45"/>
      <c r="D747" s="12"/>
      <c r="E747" s="12"/>
      <c r="F747" s="13">
        <v>43926</v>
      </c>
      <c r="G747" s="14" t="s">
        <v>2597</v>
      </c>
      <c r="I747" s="4"/>
      <c r="J747" s="4"/>
      <c r="K747" s="4"/>
      <c r="L747" s="4"/>
    </row>
    <row r="748" spans="1:12" ht="14.25" customHeight="1" x14ac:dyDescent="0.25">
      <c r="A748" s="12" t="s">
        <v>1844</v>
      </c>
      <c r="B748" s="52" t="s">
        <v>24</v>
      </c>
      <c r="C748" s="45"/>
      <c r="D748" s="12"/>
      <c r="E748" s="12"/>
      <c r="F748" s="13">
        <v>43941</v>
      </c>
      <c r="G748" s="14" t="s">
        <v>444</v>
      </c>
      <c r="I748" s="4"/>
      <c r="J748" s="4"/>
      <c r="K748" s="4"/>
      <c r="L748" s="4"/>
    </row>
    <row r="749" spans="1:12" ht="14.25" customHeight="1" x14ac:dyDescent="0.25">
      <c r="A749" s="12" t="s">
        <v>2598</v>
      </c>
      <c r="B749" s="52" t="s">
        <v>2607</v>
      </c>
      <c r="C749" s="45"/>
      <c r="D749" s="12"/>
      <c r="E749" s="12"/>
      <c r="F749" s="13">
        <v>43963</v>
      </c>
      <c r="G749" s="14" t="s">
        <v>1911</v>
      </c>
      <c r="I749" s="4"/>
      <c r="J749" s="4"/>
      <c r="K749" s="4"/>
      <c r="L749" s="4"/>
    </row>
    <row r="750" spans="1:12" ht="14.25" customHeight="1" x14ac:dyDescent="0.25">
      <c r="A750" s="12" t="s">
        <v>2409</v>
      </c>
      <c r="B750" s="52" t="s">
        <v>1354</v>
      </c>
      <c r="C750" s="45" t="s">
        <v>2606</v>
      </c>
      <c r="D750" s="12"/>
      <c r="E750" s="12"/>
      <c r="F750" s="13">
        <v>43951</v>
      </c>
      <c r="G750" s="14" t="s">
        <v>2600</v>
      </c>
      <c r="H750" s="4"/>
      <c r="I750" s="4"/>
      <c r="J750" s="4"/>
      <c r="K750" s="4"/>
      <c r="L750" s="4"/>
    </row>
    <row r="751" spans="1:12" ht="14.25" customHeight="1" x14ac:dyDescent="0.25">
      <c r="A751" s="12" t="s">
        <v>2601</v>
      </c>
      <c r="B751" s="52" t="s">
        <v>2602</v>
      </c>
      <c r="C751" s="45"/>
      <c r="D751" s="12"/>
      <c r="E751" s="12"/>
      <c r="F751" s="13">
        <v>43951</v>
      </c>
      <c r="G751" s="14" t="s">
        <v>375</v>
      </c>
      <c r="I751" s="4"/>
      <c r="J751" s="4"/>
      <c r="K751" s="4"/>
      <c r="L751" s="4"/>
    </row>
    <row r="752" spans="1:12" ht="14.25" customHeight="1" x14ac:dyDescent="0.25">
      <c r="A752" s="12" t="s">
        <v>2188</v>
      </c>
      <c r="B752" s="52" t="s">
        <v>519</v>
      </c>
      <c r="C752" s="45"/>
      <c r="D752" s="12"/>
      <c r="E752" s="12"/>
      <c r="F752" s="13">
        <v>43951</v>
      </c>
      <c r="G752" s="14" t="s">
        <v>2604</v>
      </c>
      <c r="I752" s="4"/>
      <c r="J752" s="4"/>
      <c r="K752" s="4"/>
      <c r="L752" s="4"/>
    </row>
    <row r="753" spans="1:12" ht="14.25" customHeight="1" x14ac:dyDescent="0.25">
      <c r="A753" s="12" t="s">
        <v>2608</v>
      </c>
      <c r="B753" s="52" t="s">
        <v>774</v>
      </c>
      <c r="C753" s="45"/>
      <c r="D753" s="12" t="s">
        <v>3058</v>
      </c>
      <c r="E753" s="12" t="s">
        <v>582</v>
      </c>
      <c r="F753" s="13">
        <v>43951</v>
      </c>
      <c r="G753" s="14" t="s">
        <v>2605</v>
      </c>
      <c r="I753" s="4"/>
      <c r="J753" s="4"/>
      <c r="K753" s="4"/>
      <c r="L753" s="4"/>
    </row>
    <row r="754" spans="1:12" ht="14.25" customHeight="1" x14ac:dyDescent="0.25">
      <c r="A754" s="12" t="s">
        <v>2612</v>
      </c>
      <c r="B754" s="52" t="s">
        <v>700</v>
      </c>
      <c r="C754" s="45"/>
      <c r="D754" s="12"/>
      <c r="E754" s="12"/>
      <c r="F754" s="13">
        <v>43975</v>
      </c>
      <c r="G754" s="14" t="s">
        <v>2155</v>
      </c>
      <c r="I754" s="4"/>
      <c r="J754" s="4"/>
      <c r="K754" s="4"/>
      <c r="L754" s="4"/>
    </row>
    <row r="755" spans="1:12" ht="14.25" customHeight="1" x14ac:dyDescent="0.25">
      <c r="A755" s="12" t="s">
        <v>762</v>
      </c>
      <c r="B755" s="52" t="s">
        <v>2613</v>
      </c>
      <c r="C755" s="45"/>
      <c r="D755" s="12"/>
      <c r="E755" s="12"/>
      <c r="F755" s="13">
        <v>43983</v>
      </c>
      <c r="G755" s="14" t="s">
        <v>2037</v>
      </c>
      <c r="I755" s="4"/>
      <c r="J755" s="4"/>
      <c r="K755" s="4"/>
      <c r="L755" s="4"/>
    </row>
    <row r="756" spans="1:12" ht="14.25" customHeight="1" x14ac:dyDescent="0.25">
      <c r="A756" s="12" t="s">
        <v>754</v>
      </c>
      <c r="B756" s="52" t="s">
        <v>2614</v>
      </c>
      <c r="C756" s="45"/>
      <c r="D756" s="12"/>
      <c r="E756" s="12"/>
      <c r="F756" s="13">
        <v>43987</v>
      </c>
      <c r="G756" s="14" t="s">
        <v>243</v>
      </c>
      <c r="I756" s="4"/>
      <c r="J756" s="4"/>
      <c r="K756" s="4"/>
      <c r="L756" s="4"/>
    </row>
    <row r="757" spans="1:12" ht="14.25" customHeight="1" x14ac:dyDescent="0.25">
      <c r="A757" s="12" t="s">
        <v>2371</v>
      </c>
      <c r="B757" s="52" t="s">
        <v>972</v>
      </c>
      <c r="C757" s="45" t="s">
        <v>2620</v>
      </c>
      <c r="D757" s="12"/>
      <c r="E757" s="12"/>
      <c r="F757" s="13">
        <v>43987</v>
      </c>
      <c r="G757" s="14">
        <v>876</v>
      </c>
      <c r="I757" s="4"/>
      <c r="J757" s="4"/>
      <c r="K757" s="4"/>
      <c r="L757" s="4"/>
    </row>
    <row r="758" spans="1:12" ht="14.25" customHeight="1" x14ac:dyDescent="0.25">
      <c r="A758" s="12" t="s">
        <v>131</v>
      </c>
      <c r="B758" s="52" t="s">
        <v>151</v>
      </c>
      <c r="C758" s="45" t="s">
        <v>2622</v>
      </c>
      <c r="D758" s="12"/>
      <c r="E758" s="12"/>
      <c r="F758" s="13">
        <v>43993</v>
      </c>
      <c r="G758" s="14">
        <v>877</v>
      </c>
      <c r="I758" s="4"/>
      <c r="J758" s="4"/>
      <c r="K758" s="4"/>
      <c r="L758" s="4"/>
    </row>
    <row r="759" spans="1:12" ht="14.25" customHeight="1" x14ac:dyDescent="0.25">
      <c r="A759" s="12" t="s">
        <v>2329</v>
      </c>
      <c r="B759" s="52" t="s">
        <v>2623</v>
      </c>
      <c r="C759" s="45"/>
      <c r="D759" s="12"/>
      <c r="E759" s="12"/>
      <c r="F759" s="13">
        <v>44002</v>
      </c>
      <c r="G759" s="14">
        <v>878</v>
      </c>
      <c r="I759" s="4"/>
      <c r="J759" s="4"/>
      <c r="K759" s="4"/>
      <c r="L759" s="4"/>
    </row>
    <row r="760" spans="1:12" ht="14.25" customHeight="1" x14ac:dyDescent="0.25">
      <c r="A760" s="12" t="s">
        <v>1776</v>
      </c>
      <c r="B760" s="52" t="s">
        <v>1239</v>
      </c>
      <c r="C760" s="45"/>
      <c r="D760" s="12"/>
      <c r="E760" s="12"/>
      <c r="F760" s="13">
        <v>43997</v>
      </c>
      <c r="G760" s="14">
        <v>879</v>
      </c>
      <c r="I760" s="4"/>
      <c r="J760" s="4"/>
      <c r="K760" s="4"/>
      <c r="L760" s="4"/>
    </row>
    <row r="761" spans="1:12" ht="14.25" customHeight="1" x14ac:dyDescent="0.25">
      <c r="A761" s="12" t="s">
        <v>610</v>
      </c>
      <c r="B761" s="52" t="s">
        <v>118</v>
      </c>
      <c r="C761" s="45"/>
      <c r="D761" s="12"/>
      <c r="E761" s="12"/>
      <c r="F761" s="13">
        <v>44019</v>
      </c>
      <c r="G761" s="14">
        <v>880</v>
      </c>
      <c r="I761" s="4"/>
      <c r="J761" s="4"/>
      <c r="K761" s="4"/>
      <c r="L761" s="4"/>
    </row>
    <row r="762" spans="1:12" ht="14.25" customHeight="1" x14ac:dyDescent="0.25">
      <c r="A762" s="12" t="s">
        <v>2624</v>
      </c>
      <c r="B762" s="52" t="s">
        <v>1366</v>
      </c>
      <c r="C762" s="45" t="s">
        <v>2029</v>
      </c>
      <c r="D762" s="12" t="s">
        <v>35</v>
      </c>
      <c r="E762" s="12" t="s">
        <v>474</v>
      </c>
      <c r="F762" s="13">
        <v>44013</v>
      </c>
      <c r="G762" s="14">
        <v>881</v>
      </c>
      <c r="I762" s="4"/>
      <c r="J762" s="4"/>
      <c r="K762" s="4"/>
      <c r="L762" s="4"/>
    </row>
    <row r="763" spans="1:12" ht="14.25" customHeight="1" x14ac:dyDescent="0.25">
      <c r="A763" s="12" t="s">
        <v>2975</v>
      </c>
      <c r="B763" s="52" t="s">
        <v>2625</v>
      </c>
      <c r="C763" s="45"/>
      <c r="D763" s="12"/>
      <c r="E763" s="12"/>
      <c r="F763" s="13">
        <v>44027</v>
      </c>
      <c r="G763" s="14">
        <v>882</v>
      </c>
      <c r="I763" s="4"/>
      <c r="J763" s="4"/>
      <c r="K763" s="4"/>
      <c r="L763" s="4"/>
    </row>
    <row r="764" spans="1:12" ht="14.25" customHeight="1" x14ac:dyDescent="0.25">
      <c r="A764" s="12" t="s">
        <v>1127</v>
      </c>
      <c r="B764" s="52" t="s">
        <v>2629</v>
      </c>
      <c r="C764" s="45"/>
      <c r="D764" s="12"/>
      <c r="E764" s="12"/>
      <c r="F764" s="13">
        <v>44027</v>
      </c>
      <c r="G764" s="14">
        <v>883</v>
      </c>
      <c r="I764" s="4"/>
      <c r="J764" s="4"/>
      <c r="K764" s="4"/>
      <c r="L764" s="4"/>
    </row>
    <row r="765" spans="1:12" ht="14.25" customHeight="1" x14ac:dyDescent="0.25">
      <c r="A765" s="12" t="s">
        <v>1217</v>
      </c>
      <c r="B765" s="52" t="s">
        <v>403</v>
      </c>
      <c r="C765" s="45"/>
      <c r="D765" s="12"/>
      <c r="E765" s="12"/>
      <c r="F765" s="13">
        <v>44029</v>
      </c>
      <c r="G765" s="14">
        <v>884</v>
      </c>
      <c r="I765" s="4"/>
      <c r="J765" s="4"/>
      <c r="K765" s="4"/>
      <c r="L765" s="4"/>
    </row>
    <row r="766" spans="1:12" ht="14.25" customHeight="1" x14ac:dyDescent="0.25">
      <c r="A766" s="12" t="s">
        <v>740</v>
      </c>
      <c r="B766" s="52" t="s">
        <v>2630</v>
      </c>
      <c r="C766" s="45"/>
      <c r="D766" s="12"/>
      <c r="E766" s="12"/>
      <c r="F766" s="13">
        <v>44044</v>
      </c>
      <c r="G766" s="14">
        <v>885</v>
      </c>
      <c r="I766" s="4"/>
      <c r="J766" s="4"/>
      <c r="K766" s="4"/>
      <c r="L766" s="4"/>
    </row>
    <row r="767" spans="1:12" ht="14.25" customHeight="1" x14ac:dyDescent="0.25">
      <c r="A767" s="12" t="s">
        <v>1584</v>
      </c>
      <c r="B767" s="52" t="s">
        <v>2632</v>
      </c>
      <c r="C767" s="45"/>
      <c r="D767" s="12" t="s">
        <v>900</v>
      </c>
      <c r="E767" s="12" t="s">
        <v>1021</v>
      </c>
      <c r="F767" s="15">
        <v>44070</v>
      </c>
      <c r="G767" s="14">
        <v>887</v>
      </c>
      <c r="I767" s="4"/>
      <c r="J767" s="4"/>
      <c r="K767" s="4"/>
      <c r="L767" s="4"/>
    </row>
    <row r="768" spans="1:12" ht="14.25" customHeight="1" x14ac:dyDescent="0.25">
      <c r="A768" s="12" t="s">
        <v>1804</v>
      </c>
      <c r="B768" s="52" t="s">
        <v>1573</v>
      </c>
      <c r="C768" s="45"/>
      <c r="D768" s="12"/>
      <c r="E768" s="12"/>
      <c r="F768" s="13">
        <v>44076</v>
      </c>
      <c r="G768" s="14">
        <v>888</v>
      </c>
      <c r="I768" s="4"/>
      <c r="J768" s="4"/>
      <c r="K768" s="4"/>
      <c r="L768" s="4"/>
    </row>
    <row r="769" spans="1:12" ht="14.25" customHeight="1" x14ac:dyDescent="0.25">
      <c r="A769" s="12" t="s">
        <v>809</v>
      </c>
      <c r="B769" s="52" t="s">
        <v>2166</v>
      </c>
      <c r="C769" s="45"/>
      <c r="D769" s="12"/>
      <c r="E769" s="12"/>
      <c r="F769" s="13">
        <v>44083</v>
      </c>
      <c r="G769" s="14">
        <v>889</v>
      </c>
      <c r="I769" s="4"/>
      <c r="J769" s="4"/>
      <c r="K769" s="4"/>
      <c r="L769" s="4"/>
    </row>
    <row r="770" spans="1:12" ht="14.25" customHeight="1" x14ac:dyDescent="0.25">
      <c r="A770" s="12" t="s">
        <v>2635</v>
      </c>
      <c r="B770" s="52" t="s">
        <v>1029</v>
      </c>
      <c r="C770" s="45"/>
      <c r="D770" s="12"/>
      <c r="E770" s="12"/>
      <c r="F770" s="15">
        <v>44084</v>
      </c>
      <c r="G770" s="14">
        <v>890</v>
      </c>
      <c r="I770" s="4"/>
      <c r="J770" s="4"/>
      <c r="K770" s="4"/>
      <c r="L770" s="4"/>
    </row>
    <row r="771" spans="1:12" ht="14.25" customHeight="1" x14ac:dyDescent="0.25">
      <c r="A771" s="12" t="s">
        <v>2142</v>
      </c>
      <c r="B771" s="52" t="s">
        <v>2503</v>
      </c>
      <c r="C771" s="45"/>
      <c r="D771" s="12" t="s">
        <v>3081</v>
      </c>
      <c r="E771" s="12" t="s">
        <v>2634</v>
      </c>
      <c r="F771" s="13">
        <v>44094</v>
      </c>
      <c r="G771" s="14">
        <v>891</v>
      </c>
      <c r="I771" s="4"/>
      <c r="J771" s="4"/>
      <c r="K771" s="4"/>
      <c r="L771" s="4"/>
    </row>
    <row r="772" spans="1:12" ht="14.25" customHeight="1" x14ac:dyDescent="0.25">
      <c r="A772" s="12" t="s">
        <v>1450</v>
      </c>
      <c r="B772" s="52" t="s">
        <v>2214</v>
      </c>
      <c r="C772" s="45"/>
      <c r="D772" s="12"/>
      <c r="E772" s="12"/>
      <c r="F772" s="13">
        <v>44102</v>
      </c>
      <c r="G772" s="14">
        <v>892</v>
      </c>
      <c r="I772" s="4"/>
      <c r="J772" s="4"/>
      <c r="K772" s="4"/>
      <c r="L772" s="4"/>
    </row>
    <row r="773" spans="1:12" ht="14.25" customHeight="1" x14ac:dyDescent="0.25">
      <c r="A773" s="12" t="s">
        <v>2640</v>
      </c>
      <c r="B773" s="52" t="s">
        <v>897</v>
      </c>
      <c r="C773" s="45"/>
      <c r="D773" s="12" t="s">
        <v>2791</v>
      </c>
      <c r="E773" s="12" t="s">
        <v>2641</v>
      </c>
      <c r="F773" s="13">
        <v>44105</v>
      </c>
      <c r="G773" s="14">
        <v>893</v>
      </c>
      <c r="I773" s="4"/>
      <c r="J773" s="4"/>
      <c r="K773" s="4"/>
      <c r="L773" s="4"/>
    </row>
    <row r="774" spans="1:12" ht="14.25" customHeight="1" x14ac:dyDescent="0.25">
      <c r="A774" s="12" t="s">
        <v>1435</v>
      </c>
      <c r="B774" s="52" t="s">
        <v>265</v>
      </c>
      <c r="C774" s="45"/>
      <c r="D774" s="12"/>
      <c r="E774" s="12"/>
      <c r="F774" s="13">
        <v>44118</v>
      </c>
      <c r="G774" s="14">
        <v>894</v>
      </c>
      <c r="I774" s="4"/>
      <c r="J774" s="4"/>
      <c r="K774" s="4"/>
      <c r="L774" s="4"/>
    </row>
    <row r="775" spans="1:12" ht="14.25" customHeight="1" x14ac:dyDescent="0.25">
      <c r="A775" s="12" t="s">
        <v>1216</v>
      </c>
      <c r="B775" s="52" t="s">
        <v>463</v>
      </c>
      <c r="C775" s="45" t="s">
        <v>1941</v>
      </c>
      <c r="D775" s="12"/>
      <c r="E775" s="12"/>
      <c r="F775" s="13">
        <v>44112</v>
      </c>
      <c r="G775" s="14">
        <v>895</v>
      </c>
      <c r="I775" s="4"/>
      <c r="J775" s="4"/>
      <c r="K775" s="4"/>
      <c r="L775" s="4"/>
    </row>
    <row r="776" spans="1:12" ht="14.25" customHeight="1" x14ac:dyDescent="0.25">
      <c r="A776" s="12" t="s">
        <v>2123</v>
      </c>
      <c r="B776" s="52" t="s">
        <v>1926</v>
      </c>
      <c r="C776" s="45" t="s">
        <v>2643</v>
      </c>
      <c r="D776" s="12" t="s">
        <v>2618</v>
      </c>
      <c r="E776" s="12" t="s">
        <v>2642</v>
      </c>
      <c r="F776" s="13">
        <v>44113</v>
      </c>
      <c r="G776" s="14">
        <v>896</v>
      </c>
      <c r="I776" s="4"/>
      <c r="J776" s="4"/>
      <c r="K776" s="4"/>
      <c r="L776" s="4"/>
    </row>
    <row r="777" spans="1:12" ht="14.25" customHeight="1" x14ac:dyDescent="0.25">
      <c r="A777" s="12" t="s">
        <v>2644</v>
      </c>
      <c r="B777" s="52" t="s">
        <v>1512</v>
      </c>
      <c r="C777" s="45"/>
      <c r="D777" s="12" t="s">
        <v>447</v>
      </c>
      <c r="E777" s="12" t="s">
        <v>1512</v>
      </c>
      <c r="F777" s="15">
        <v>44121</v>
      </c>
      <c r="G777" s="14">
        <v>897</v>
      </c>
      <c r="I777" s="4"/>
      <c r="J777" s="4"/>
      <c r="K777" s="4"/>
      <c r="L777" s="4"/>
    </row>
    <row r="778" spans="1:12" ht="14.25" customHeight="1" x14ac:dyDescent="0.25">
      <c r="A778" s="12" t="s">
        <v>496</v>
      </c>
      <c r="B778" s="53" t="s">
        <v>2645</v>
      </c>
      <c r="C778" s="45" t="s">
        <v>2029</v>
      </c>
      <c r="D778" s="12" t="s">
        <v>723</v>
      </c>
      <c r="E778" s="12" t="s">
        <v>2645</v>
      </c>
      <c r="F778" s="13">
        <v>44128</v>
      </c>
      <c r="G778" s="14">
        <v>900</v>
      </c>
      <c r="I778" s="4"/>
      <c r="J778" s="4"/>
      <c r="K778" s="4"/>
      <c r="L778" s="4"/>
    </row>
    <row r="779" spans="1:12" ht="14.25" customHeight="1" x14ac:dyDescent="0.25">
      <c r="A779" s="12" t="s">
        <v>1654</v>
      </c>
      <c r="B779" s="52" t="s">
        <v>2647</v>
      </c>
      <c r="C779" s="45"/>
      <c r="D779" s="12"/>
      <c r="E779" s="12"/>
      <c r="F779" s="13">
        <v>44142</v>
      </c>
      <c r="G779" s="14">
        <v>902</v>
      </c>
      <c r="I779" s="4"/>
      <c r="J779" s="4"/>
      <c r="K779" s="4"/>
      <c r="L779" s="4"/>
    </row>
    <row r="780" spans="1:12" ht="14.25" customHeight="1" x14ac:dyDescent="0.25">
      <c r="A780" s="12" t="s">
        <v>2649</v>
      </c>
      <c r="B780" s="52" t="s">
        <v>2650</v>
      </c>
      <c r="C780" s="45" t="s">
        <v>2651</v>
      </c>
      <c r="D780" s="12"/>
      <c r="E780" s="12"/>
      <c r="F780" s="13">
        <v>44160</v>
      </c>
      <c r="G780" s="14">
        <v>903</v>
      </c>
      <c r="I780" s="4"/>
      <c r="J780" s="4"/>
      <c r="K780" s="4"/>
      <c r="L780" s="4"/>
    </row>
    <row r="781" spans="1:12" ht="14.25" customHeight="1" x14ac:dyDescent="0.25">
      <c r="A781" s="12" t="s">
        <v>2653</v>
      </c>
      <c r="B781" s="52" t="s">
        <v>2654</v>
      </c>
      <c r="C781" s="45"/>
      <c r="D781" s="12"/>
      <c r="E781" s="12"/>
      <c r="F781" s="16">
        <v>44175</v>
      </c>
      <c r="G781" s="14">
        <v>905</v>
      </c>
      <c r="I781" s="4"/>
      <c r="J781" s="4"/>
      <c r="K781" s="4"/>
      <c r="L781" s="4"/>
    </row>
    <row r="782" spans="1:12" ht="14.25" customHeight="1" x14ac:dyDescent="0.25">
      <c r="A782" s="12" t="s">
        <v>2656</v>
      </c>
      <c r="B782" s="52" t="s">
        <v>2657</v>
      </c>
      <c r="C782" s="45" t="s">
        <v>567</v>
      </c>
      <c r="D782" s="12"/>
      <c r="E782" s="12"/>
      <c r="F782" s="13">
        <v>44175</v>
      </c>
      <c r="G782" s="14">
        <v>906</v>
      </c>
      <c r="H782" s="4"/>
      <c r="I782" s="4"/>
      <c r="J782" s="4"/>
      <c r="K782" s="4"/>
      <c r="L782" s="4"/>
    </row>
    <row r="783" spans="1:12" ht="14.25" customHeight="1" x14ac:dyDescent="0.25">
      <c r="A783" s="12" t="s">
        <v>2658</v>
      </c>
      <c r="B783" s="52" t="s">
        <v>1700</v>
      </c>
      <c r="C783" s="45"/>
      <c r="D783" s="12" t="s">
        <v>2114</v>
      </c>
      <c r="E783" s="12" t="s">
        <v>2196</v>
      </c>
      <c r="F783" s="13">
        <v>44175</v>
      </c>
      <c r="G783" s="14">
        <v>907</v>
      </c>
      <c r="I783" s="4"/>
      <c r="J783" s="4"/>
      <c r="K783" s="4"/>
      <c r="L783" s="4"/>
    </row>
    <row r="784" spans="1:12" ht="14.25" customHeight="1" x14ac:dyDescent="0.25">
      <c r="A784" s="12" t="s">
        <v>607</v>
      </c>
      <c r="B784" s="52" t="s">
        <v>2659</v>
      </c>
      <c r="C784" s="45"/>
      <c r="D784" s="12"/>
      <c r="E784" s="12"/>
      <c r="F784" s="13">
        <v>44183</v>
      </c>
      <c r="G784" s="14">
        <v>908</v>
      </c>
      <c r="H784" s="4"/>
      <c r="I784" s="4"/>
      <c r="J784" s="4"/>
      <c r="K784" s="4"/>
      <c r="L784" s="4"/>
    </row>
    <row r="785" spans="1:12" ht="14.25" customHeight="1" x14ac:dyDescent="0.25">
      <c r="A785" s="12" t="s">
        <v>197</v>
      </c>
      <c r="B785" s="52" t="s">
        <v>2661</v>
      </c>
      <c r="C785" s="45" t="s">
        <v>2662</v>
      </c>
      <c r="D785" s="12" t="s">
        <v>2341</v>
      </c>
      <c r="E785" s="12" t="s">
        <v>1667</v>
      </c>
      <c r="F785" s="13">
        <v>44211</v>
      </c>
      <c r="G785" s="14">
        <v>910</v>
      </c>
      <c r="I785" s="4"/>
      <c r="J785" s="4"/>
      <c r="K785" s="4"/>
      <c r="L785" s="4"/>
    </row>
    <row r="786" spans="1:12" ht="14.25" customHeight="1" x14ac:dyDescent="0.25">
      <c r="A786" s="12" t="s">
        <v>1353</v>
      </c>
      <c r="B786" s="52" t="s">
        <v>2665</v>
      </c>
      <c r="C786" s="45"/>
      <c r="D786" s="12"/>
      <c r="E786" s="12"/>
      <c r="F786" s="13">
        <v>44229</v>
      </c>
      <c r="G786" s="14">
        <v>911</v>
      </c>
      <c r="I786" s="4"/>
      <c r="J786" s="4"/>
      <c r="K786" s="4"/>
      <c r="L786" s="4"/>
    </row>
    <row r="787" spans="1:12" ht="14.25" customHeight="1" x14ac:dyDescent="0.25">
      <c r="A787" s="12" t="s">
        <v>1299</v>
      </c>
      <c r="B787" s="52" t="s">
        <v>2666</v>
      </c>
      <c r="C787" s="45"/>
      <c r="D787" s="12"/>
      <c r="E787" s="12"/>
      <c r="F787" s="13">
        <v>44224</v>
      </c>
      <c r="G787" s="14">
        <v>912</v>
      </c>
      <c r="I787" s="4"/>
      <c r="J787" s="4"/>
      <c r="K787" s="4"/>
      <c r="L787" s="4"/>
    </row>
    <row r="788" spans="1:12" ht="14.25" customHeight="1" x14ac:dyDescent="0.25">
      <c r="A788" s="12" t="s">
        <v>2668</v>
      </c>
      <c r="B788" s="52" t="s">
        <v>2667</v>
      </c>
      <c r="C788" s="45"/>
      <c r="D788" s="12"/>
      <c r="E788" s="12"/>
      <c r="F788" s="13">
        <v>44230</v>
      </c>
      <c r="G788" s="14">
        <v>913</v>
      </c>
      <c r="I788" s="4"/>
      <c r="J788" s="4"/>
      <c r="K788" s="4"/>
      <c r="L788" s="4"/>
    </row>
    <row r="789" spans="1:12" ht="14.25" customHeight="1" x14ac:dyDescent="0.25">
      <c r="A789" s="12" t="s">
        <v>2038</v>
      </c>
      <c r="B789" s="52" t="s">
        <v>2669</v>
      </c>
      <c r="C789" s="45" t="s">
        <v>787</v>
      </c>
      <c r="D789" s="12"/>
      <c r="E789" s="12"/>
      <c r="F789" s="13">
        <v>44238</v>
      </c>
      <c r="G789" s="14">
        <v>914</v>
      </c>
      <c r="I789" s="4"/>
      <c r="J789" s="4"/>
      <c r="K789" s="4"/>
      <c r="L789" s="4"/>
    </row>
    <row r="790" spans="1:12" ht="14.25" customHeight="1" x14ac:dyDescent="0.25">
      <c r="A790" s="12" t="s">
        <v>2670</v>
      </c>
      <c r="B790" s="52" t="s">
        <v>2691</v>
      </c>
      <c r="C790" s="45"/>
      <c r="D790" s="12"/>
      <c r="E790" s="12"/>
      <c r="F790" s="13">
        <v>44243</v>
      </c>
      <c r="G790" s="14">
        <v>915</v>
      </c>
      <c r="I790" s="4"/>
      <c r="J790" s="4"/>
      <c r="K790" s="4"/>
      <c r="L790" s="4"/>
    </row>
    <row r="791" spans="1:12" ht="14.25" customHeight="1" x14ac:dyDescent="0.25">
      <c r="A791" s="12" t="s">
        <v>2672</v>
      </c>
      <c r="B791" s="52" t="s">
        <v>2671</v>
      </c>
      <c r="C791" s="45"/>
      <c r="D791" s="12"/>
      <c r="E791" s="12"/>
      <c r="F791" s="13">
        <v>44254</v>
      </c>
      <c r="G791" s="14">
        <v>918</v>
      </c>
      <c r="I791" s="4"/>
      <c r="J791" s="4"/>
      <c r="K791" s="4"/>
      <c r="L791" s="4"/>
    </row>
    <row r="792" spans="1:12" ht="14.25" customHeight="1" x14ac:dyDescent="0.25">
      <c r="A792" s="12" t="s">
        <v>919</v>
      </c>
      <c r="B792" s="52" t="s">
        <v>618</v>
      </c>
      <c r="C792" s="45"/>
      <c r="D792" s="12"/>
      <c r="E792" s="12"/>
      <c r="F792" s="13">
        <v>44257</v>
      </c>
      <c r="G792" s="14">
        <v>919</v>
      </c>
      <c r="I792" s="4"/>
      <c r="J792" s="4"/>
      <c r="K792" s="4"/>
      <c r="L792" s="4"/>
    </row>
    <row r="793" spans="1:12" ht="14.25" customHeight="1" x14ac:dyDescent="0.25">
      <c r="A793" s="12" t="s">
        <v>2674</v>
      </c>
      <c r="B793" s="52" t="s">
        <v>2673</v>
      </c>
      <c r="C793" s="45"/>
      <c r="D793" s="12"/>
      <c r="E793" s="12"/>
      <c r="F793" s="13">
        <v>44272</v>
      </c>
      <c r="G793" s="14">
        <v>920</v>
      </c>
      <c r="I793" s="4"/>
      <c r="J793" s="4"/>
      <c r="K793" s="4"/>
      <c r="L793" s="4"/>
    </row>
    <row r="794" spans="1:12" ht="14.25" customHeight="1" x14ac:dyDescent="0.25">
      <c r="A794" s="12" t="s">
        <v>2677</v>
      </c>
      <c r="B794" s="52" t="s">
        <v>2675</v>
      </c>
      <c r="C794" s="45" t="s">
        <v>624</v>
      </c>
      <c r="D794" s="12"/>
      <c r="E794" s="12"/>
      <c r="F794" s="13">
        <v>44274</v>
      </c>
      <c r="G794" s="14">
        <v>922</v>
      </c>
      <c r="H794" s="4"/>
      <c r="I794" s="4"/>
      <c r="J794" s="4"/>
      <c r="K794" s="4"/>
      <c r="L794" s="4"/>
    </row>
    <row r="795" spans="1:12" ht="14.25" customHeight="1" x14ac:dyDescent="0.25">
      <c r="A795" s="12" t="s">
        <v>2679</v>
      </c>
      <c r="B795" s="52" t="s">
        <v>1259</v>
      </c>
      <c r="C795" s="45" t="s">
        <v>2678</v>
      </c>
      <c r="D795" s="12"/>
      <c r="E795" s="12"/>
      <c r="F795" s="13">
        <v>44277</v>
      </c>
      <c r="G795" s="14">
        <v>924</v>
      </c>
      <c r="H795" s="4"/>
      <c r="I795" s="4"/>
      <c r="J795" s="4"/>
      <c r="K795" s="4"/>
      <c r="L795" s="4"/>
    </row>
    <row r="796" spans="1:12" ht="14.25" customHeight="1" x14ac:dyDescent="0.25">
      <c r="A796" s="12" t="s">
        <v>2681</v>
      </c>
      <c r="B796" s="52" t="s">
        <v>1119</v>
      </c>
      <c r="C796" s="45"/>
      <c r="D796" s="12" t="s">
        <v>2617</v>
      </c>
      <c r="E796" s="12" t="s">
        <v>2680</v>
      </c>
      <c r="F796" s="13">
        <v>44276</v>
      </c>
      <c r="G796" s="14">
        <v>925</v>
      </c>
      <c r="I796" s="4"/>
      <c r="J796" s="4"/>
      <c r="K796" s="4"/>
      <c r="L796" s="4"/>
    </row>
    <row r="797" spans="1:12" ht="14.25" customHeight="1" x14ac:dyDescent="0.25">
      <c r="A797" s="12" t="s">
        <v>2682</v>
      </c>
      <c r="B797" s="52" t="s">
        <v>2683</v>
      </c>
      <c r="C797" s="45" t="s">
        <v>1968</v>
      </c>
      <c r="D797" s="12"/>
      <c r="E797" s="12"/>
      <c r="F797" s="13">
        <v>44287</v>
      </c>
      <c r="G797" s="14">
        <v>926</v>
      </c>
      <c r="I797" s="4"/>
      <c r="J797" s="4"/>
      <c r="K797" s="4"/>
      <c r="L797" s="4"/>
    </row>
    <row r="798" spans="1:12" ht="14.25" customHeight="1" x14ac:dyDescent="0.25">
      <c r="A798" s="12" t="s">
        <v>215</v>
      </c>
      <c r="B798" s="52" t="s">
        <v>2685</v>
      </c>
      <c r="C798" s="45" t="s">
        <v>2687</v>
      </c>
      <c r="D798" s="12" t="s">
        <v>1792</v>
      </c>
      <c r="E798" s="12" t="s">
        <v>2686</v>
      </c>
      <c r="F798" s="13">
        <v>44301</v>
      </c>
      <c r="G798" s="14">
        <v>927</v>
      </c>
      <c r="I798" s="4"/>
      <c r="J798" s="4"/>
      <c r="K798" s="4"/>
      <c r="L798" s="4"/>
    </row>
    <row r="799" spans="1:12" ht="14.25" customHeight="1" x14ac:dyDescent="0.25">
      <c r="A799" s="12" t="s">
        <v>2690</v>
      </c>
      <c r="B799" s="52" t="s">
        <v>2688</v>
      </c>
      <c r="C799" s="45" t="s">
        <v>849</v>
      </c>
      <c r="D799" s="12"/>
      <c r="E799" s="12"/>
      <c r="F799" s="13">
        <v>44308</v>
      </c>
      <c r="G799" s="14">
        <v>928</v>
      </c>
      <c r="H799" s="4"/>
      <c r="I799" s="4"/>
      <c r="J799" s="4"/>
      <c r="K799" s="4"/>
      <c r="L799" s="4"/>
    </row>
    <row r="800" spans="1:12" ht="14.25" customHeight="1" x14ac:dyDescent="0.25">
      <c r="A800" s="12" t="s">
        <v>1948</v>
      </c>
      <c r="B800" s="52" t="s">
        <v>2638</v>
      </c>
      <c r="C800" s="45"/>
      <c r="D800" s="12"/>
      <c r="E800" s="12"/>
      <c r="F800" s="13">
        <v>44317</v>
      </c>
      <c r="G800" s="14">
        <v>929</v>
      </c>
      <c r="I800" s="4"/>
      <c r="J800" s="4"/>
      <c r="K800" s="4"/>
      <c r="L800" s="4"/>
    </row>
    <row r="801" spans="1:12" ht="14.25" customHeight="1" x14ac:dyDescent="0.25">
      <c r="A801" s="12" t="s">
        <v>2692</v>
      </c>
      <c r="B801" s="52" t="s">
        <v>2054</v>
      </c>
      <c r="C801" s="45" t="s">
        <v>2693</v>
      </c>
      <c r="D801" s="12"/>
      <c r="E801" s="12"/>
      <c r="F801" s="13">
        <v>44337</v>
      </c>
      <c r="G801" s="14">
        <v>930</v>
      </c>
      <c r="H801" s="4"/>
      <c r="I801" s="4"/>
      <c r="J801" s="4"/>
      <c r="K801" s="4"/>
      <c r="L801" s="4"/>
    </row>
    <row r="802" spans="1:12" ht="14.25" customHeight="1" x14ac:dyDescent="0.25">
      <c r="A802" s="12" t="s">
        <v>0</v>
      </c>
      <c r="B802" s="52" t="s">
        <v>2697</v>
      </c>
      <c r="C802" s="45" t="s">
        <v>2698</v>
      </c>
      <c r="D802" s="12"/>
      <c r="E802" s="12"/>
      <c r="F802" s="23">
        <v>44341</v>
      </c>
      <c r="G802" s="14">
        <v>931</v>
      </c>
      <c r="I802" s="4"/>
      <c r="J802" s="4"/>
      <c r="K802" s="4"/>
      <c r="L802" s="4"/>
    </row>
    <row r="803" spans="1:12" ht="14.25" customHeight="1" x14ac:dyDescent="0.25">
      <c r="A803" s="12" t="s">
        <v>1785</v>
      </c>
      <c r="B803" s="52" t="s">
        <v>441</v>
      </c>
      <c r="C803" s="45"/>
      <c r="D803" s="12"/>
      <c r="E803" s="26"/>
      <c r="F803" s="13">
        <v>44349</v>
      </c>
      <c r="G803" s="14">
        <v>932</v>
      </c>
      <c r="I803" s="4"/>
      <c r="J803" s="4"/>
      <c r="K803" s="4"/>
      <c r="L803" s="4"/>
    </row>
    <row r="804" spans="1:12" ht="14.25" customHeight="1" x14ac:dyDescent="0.25">
      <c r="A804" s="12" t="s">
        <v>357</v>
      </c>
      <c r="B804" s="52" t="s">
        <v>2701</v>
      </c>
      <c r="C804" s="45" t="s">
        <v>2702</v>
      </c>
      <c r="D804" s="12" t="s">
        <v>3044</v>
      </c>
      <c r="E804" s="12" t="s">
        <v>2291</v>
      </c>
      <c r="F804" s="13">
        <v>44348</v>
      </c>
      <c r="G804" s="14">
        <v>933</v>
      </c>
      <c r="H804" s="4"/>
      <c r="I804" s="4"/>
      <c r="J804" s="4"/>
      <c r="K804" s="4"/>
      <c r="L804" s="4"/>
    </row>
    <row r="805" spans="1:12" ht="14.25" customHeight="1" x14ac:dyDescent="0.25">
      <c r="A805" s="12" t="s">
        <v>148</v>
      </c>
      <c r="B805" s="52" t="s">
        <v>2703</v>
      </c>
      <c r="C805" s="45"/>
      <c r="D805" s="12"/>
      <c r="E805" s="12"/>
      <c r="F805" s="13">
        <v>44350</v>
      </c>
      <c r="G805" s="14">
        <v>934</v>
      </c>
      <c r="H805" s="4"/>
      <c r="I805" s="4"/>
      <c r="J805" s="4"/>
      <c r="K805" s="4"/>
      <c r="L805" s="4"/>
    </row>
    <row r="806" spans="1:12" ht="14.25" customHeight="1" x14ac:dyDescent="0.25">
      <c r="A806" s="12" t="s">
        <v>460</v>
      </c>
      <c r="B806" s="52" t="s">
        <v>1419</v>
      </c>
      <c r="C806" s="45" t="s">
        <v>2704</v>
      </c>
      <c r="D806" s="12"/>
      <c r="E806" s="12"/>
      <c r="F806" s="13">
        <v>44371</v>
      </c>
      <c r="G806" s="14">
        <v>935</v>
      </c>
      <c r="I806" s="4"/>
      <c r="J806" s="4"/>
      <c r="K806" s="4"/>
      <c r="L806" s="4"/>
    </row>
    <row r="807" spans="1:12" s="4" customFormat="1" ht="14.25" customHeight="1" x14ac:dyDescent="0.25">
      <c r="A807" s="12" t="s">
        <v>508</v>
      </c>
      <c r="B807" s="52" t="s">
        <v>2705</v>
      </c>
      <c r="C807" s="45" t="s">
        <v>2621</v>
      </c>
      <c r="D807" s="12"/>
      <c r="E807" s="12"/>
      <c r="F807" s="13">
        <v>44362</v>
      </c>
      <c r="G807" s="14">
        <v>936</v>
      </c>
    </row>
    <row r="808" spans="1:12" ht="14.25" customHeight="1" x14ac:dyDescent="0.25">
      <c r="A808" s="12" t="s">
        <v>2707</v>
      </c>
      <c r="B808" s="52" t="s">
        <v>2706</v>
      </c>
      <c r="C808" s="46" t="s">
        <v>2708</v>
      </c>
      <c r="D808" s="12"/>
      <c r="E808" s="12"/>
      <c r="F808" s="13">
        <v>44365</v>
      </c>
      <c r="G808" s="14">
        <v>937</v>
      </c>
      <c r="H808" s="4"/>
      <c r="I808" s="4"/>
      <c r="J808" s="4"/>
      <c r="K808" s="4"/>
      <c r="L808" s="4"/>
    </row>
    <row r="809" spans="1:12" ht="14.25" customHeight="1" x14ac:dyDescent="0.25">
      <c r="A809" s="12" t="s">
        <v>43</v>
      </c>
      <c r="B809" s="52" t="s">
        <v>1656</v>
      </c>
      <c r="C809" s="45"/>
      <c r="D809" s="12"/>
      <c r="E809" s="12"/>
      <c r="F809" s="13">
        <v>44376</v>
      </c>
      <c r="G809" s="14">
        <v>940</v>
      </c>
      <c r="I809" s="4"/>
      <c r="J809" s="4"/>
      <c r="K809" s="4"/>
      <c r="L809" s="4"/>
    </row>
    <row r="810" spans="1:12" ht="14.25" customHeight="1" x14ac:dyDescent="0.25">
      <c r="A810" s="12" t="s">
        <v>2709</v>
      </c>
      <c r="B810" s="52" t="s">
        <v>715</v>
      </c>
      <c r="C810" s="45"/>
      <c r="D810" s="12" t="s">
        <v>2935</v>
      </c>
      <c r="E810" s="12" t="s">
        <v>872</v>
      </c>
      <c r="F810" s="13">
        <v>44400</v>
      </c>
      <c r="G810" s="14">
        <v>941</v>
      </c>
      <c r="H810" s="4"/>
      <c r="I810" s="4"/>
      <c r="J810" s="4"/>
      <c r="K810" s="4"/>
      <c r="L810" s="4"/>
    </row>
    <row r="811" spans="1:12" ht="14.25" customHeight="1" x14ac:dyDescent="0.25">
      <c r="A811" s="12" t="s">
        <v>2672</v>
      </c>
      <c r="B811" s="52" t="s">
        <v>2671</v>
      </c>
      <c r="C811" s="45"/>
      <c r="D811" s="12"/>
      <c r="E811" s="12"/>
      <c r="F811" s="13">
        <v>44414</v>
      </c>
      <c r="G811" s="14">
        <v>942</v>
      </c>
      <c r="I811" s="4"/>
      <c r="J811" s="4"/>
      <c r="K811" s="4"/>
      <c r="L811" s="4"/>
    </row>
    <row r="812" spans="1:12" ht="14.25" customHeight="1" x14ac:dyDescent="0.25">
      <c r="A812" s="12" t="s">
        <v>2482</v>
      </c>
      <c r="B812" s="52" t="s">
        <v>1189</v>
      </c>
      <c r="C812" s="45" t="s">
        <v>2013</v>
      </c>
      <c r="D812" s="12"/>
      <c r="E812" s="12"/>
      <c r="F812" s="13">
        <v>44413</v>
      </c>
      <c r="G812" s="14">
        <v>943</v>
      </c>
      <c r="I812" s="4"/>
      <c r="J812" s="4"/>
      <c r="K812" s="4"/>
      <c r="L812" s="4"/>
    </row>
    <row r="813" spans="1:12" ht="14.25" customHeight="1" x14ac:dyDescent="0.25">
      <c r="A813" s="12" t="s">
        <v>2711</v>
      </c>
      <c r="B813" s="52" t="s">
        <v>2712</v>
      </c>
      <c r="C813" s="45"/>
      <c r="D813" s="12"/>
      <c r="E813" s="12"/>
      <c r="F813" s="13">
        <v>44413</v>
      </c>
      <c r="G813" s="14">
        <v>944</v>
      </c>
      <c r="H813" s="4"/>
      <c r="I813" s="4"/>
      <c r="J813" s="4"/>
      <c r="K813" s="4"/>
      <c r="L813" s="4"/>
    </row>
    <row r="814" spans="1:12" ht="14.25" customHeight="1" x14ac:dyDescent="0.25">
      <c r="A814" s="12" t="s">
        <v>2672</v>
      </c>
      <c r="B814" s="52" t="s">
        <v>2671</v>
      </c>
      <c r="C814" s="45"/>
      <c r="D814" s="12"/>
      <c r="E814" s="12"/>
      <c r="F814" s="13">
        <v>44421</v>
      </c>
      <c r="G814" s="14">
        <v>945</v>
      </c>
      <c r="I814" s="4"/>
      <c r="J814" s="4"/>
      <c r="K814" s="4"/>
      <c r="L814" s="4"/>
    </row>
    <row r="815" spans="1:12" ht="14.25" customHeight="1" x14ac:dyDescent="0.25">
      <c r="A815" s="12" t="s">
        <v>2672</v>
      </c>
      <c r="B815" s="52" t="s">
        <v>2671</v>
      </c>
      <c r="C815" s="45"/>
      <c r="D815" s="12"/>
      <c r="E815" s="12"/>
      <c r="F815" s="13">
        <v>44422</v>
      </c>
      <c r="G815" s="14">
        <v>946</v>
      </c>
      <c r="I815" s="4"/>
      <c r="J815" s="4"/>
      <c r="K815" s="4"/>
      <c r="L815" s="4"/>
    </row>
    <row r="816" spans="1:12" ht="14.25" customHeight="1" x14ac:dyDescent="0.25">
      <c r="A816" s="12" t="s">
        <v>2713</v>
      </c>
      <c r="B816" s="52" t="s">
        <v>1061</v>
      </c>
      <c r="C816" s="45" t="s">
        <v>2714</v>
      </c>
      <c r="D816" s="12"/>
      <c r="E816" s="12"/>
      <c r="F816" s="23">
        <v>44435</v>
      </c>
      <c r="G816" s="14">
        <v>947</v>
      </c>
      <c r="I816" s="4"/>
      <c r="J816" s="4"/>
      <c r="K816" s="4"/>
      <c r="L816" s="4"/>
    </row>
    <row r="817" spans="1:12" ht="14.25" customHeight="1" x14ac:dyDescent="0.25">
      <c r="A817" s="12" t="s">
        <v>2282</v>
      </c>
      <c r="B817" s="52" t="s">
        <v>2283</v>
      </c>
      <c r="C817" s="45"/>
      <c r="D817" s="12" t="s">
        <v>2817</v>
      </c>
      <c r="E817" s="12" t="s">
        <v>722</v>
      </c>
      <c r="F817" s="13">
        <v>44440</v>
      </c>
      <c r="G817" s="14">
        <v>948</v>
      </c>
      <c r="I817" s="4"/>
      <c r="J817" s="4"/>
      <c r="K817" s="4"/>
      <c r="L817" s="4"/>
    </row>
    <row r="818" spans="1:12" ht="14.25" customHeight="1" x14ac:dyDescent="0.25">
      <c r="A818" s="12" t="s">
        <v>1012</v>
      </c>
      <c r="B818" s="52" t="s">
        <v>2248</v>
      </c>
      <c r="C818" s="45"/>
      <c r="D818" s="12"/>
      <c r="E818" s="12"/>
      <c r="F818" s="23">
        <v>44446</v>
      </c>
      <c r="G818" s="14">
        <v>949</v>
      </c>
      <c r="I818" s="4"/>
      <c r="J818" s="4"/>
      <c r="K818" s="4"/>
      <c r="L818" s="4"/>
    </row>
    <row r="819" spans="1:12" ht="14.25" customHeight="1" x14ac:dyDescent="0.25">
      <c r="A819" s="12" t="s">
        <v>291</v>
      </c>
      <c r="B819" s="52" t="s">
        <v>2715</v>
      </c>
      <c r="C819" s="45"/>
      <c r="D819" s="12"/>
      <c r="E819" s="12"/>
      <c r="F819" s="13">
        <v>44443</v>
      </c>
      <c r="G819" s="14">
        <v>950</v>
      </c>
      <c r="H819" s="4"/>
      <c r="I819" s="4"/>
      <c r="J819" s="4"/>
      <c r="K819" s="4"/>
      <c r="L819" s="4"/>
    </row>
    <row r="820" spans="1:12" ht="14.25" customHeight="1" x14ac:dyDescent="0.25">
      <c r="A820" s="12" t="s">
        <v>2717</v>
      </c>
      <c r="B820" s="52" t="s">
        <v>2718</v>
      </c>
      <c r="C820" s="45"/>
      <c r="D820" s="12"/>
      <c r="E820" s="12"/>
      <c r="F820" s="13">
        <v>44456</v>
      </c>
      <c r="G820" s="14">
        <v>952</v>
      </c>
      <c r="I820" s="4"/>
      <c r="J820" s="4"/>
      <c r="K820" s="4"/>
      <c r="L820" s="4"/>
    </row>
    <row r="821" spans="1:12" ht="14.25" customHeight="1" x14ac:dyDescent="0.25">
      <c r="A821" s="12" t="s">
        <v>2719</v>
      </c>
      <c r="B821" s="52" t="s">
        <v>2211</v>
      </c>
      <c r="C821" s="45"/>
      <c r="D821" s="12"/>
      <c r="E821" s="12"/>
      <c r="F821" s="13">
        <v>44467</v>
      </c>
      <c r="G821" s="14">
        <v>951</v>
      </c>
      <c r="H821" s="4"/>
      <c r="I821" s="4"/>
      <c r="J821" s="4"/>
      <c r="K821" s="4"/>
      <c r="L821" s="4"/>
    </row>
    <row r="822" spans="1:12" ht="14.25" customHeight="1" x14ac:dyDescent="0.25">
      <c r="A822" s="12" t="s">
        <v>2137</v>
      </c>
      <c r="B822" s="52" t="s">
        <v>2720</v>
      </c>
      <c r="C822" s="45" t="s">
        <v>2721</v>
      </c>
      <c r="D822" s="12" t="s">
        <v>2138</v>
      </c>
      <c r="E822" s="12" t="s">
        <v>2888</v>
      </c>
      <c r="F822" s="13">
        <v>44461</v>
      </c>
      <c r="G822" s="14">
        <v>953</v>
      </c>
      <c r="I822" s="4"/>
      <c r="J822" s="4"/>
      <c r="K822" s="4"/>
      <c r="L822" s="4"/>
    </row>
    <row r="823" spans="1:12" ht="14.25" customHeight="1" x14ac:dyDescent="0.25">
      <c r="A823" s="12" t="s">
        <v>1049</v>
      </c>
      <c r="B823" s="52" t="s">
        <v>2333</v>
      </c>
      <c r="C823" s="45"/>
      <c r="D823" s="12" t="s">
        <v>2818</v>
      </c>
      <c r="E823" s="12" t="s">
        <v>2722</v>
      </c>
      <c r="F823" s="13">
        <v>44466</v>
      </c>
      <c r="G823" s="14">
        <v>954</v>
      </c>
      <c r="H823" s="4"/>
      <c r="I823" s="4"/>
      <c r="J823" s="4"/>
      <c r="K823" s="4"/>
      <c r="L823" s="4"/>
    </row>
    <row r="824" spans="1:12" ht="14.25" customHeight="1" x14ac:dyDescent="0.25">
      <c r="A824" s="12" t="s">
        <v>2418</v>
      </c>
      <c r="B824" s="52" t="s">
        <v>2723</v>
      </c>
      <c r="C824" s="45" t="s">
        <v>2029</v>
      </c>
      <c r="D824" s="12" t="s">
        <v>1506</v>
      </c>
      <c r="E824" s="12" t="s">
        <v>2723</v>
      </c>
      <c r="F824" s="13">
        <v>44470</v>
      </c>
      <c r="G824" s="14">
        <v>955</v>
      </c>
      <c r="I824" s="4"/>
      <c r="J824" s="4"/>
      <c r="K824" s="4"/>
      <c r="L824" s="4"/>
    </row>
    <row r="825" spans="1:12" ht="14.25" customHeight="1" x14ac:dyDescent="0.25">
      <c r="A825" s="12" t="s">
        <v>215</v>
      </c>
      <c r="B825" s="52" t="s">
        <v>2685</v>
      </c>
      <c r="C825" s="45" t="s">
        <v>1968</v>
      </c>
      <c r="D825" s="12"/>
      <c r="E825" s="12"/>
      <c r="F825" s="13">
        <v>44501</v>
      </c>
      <c r="G825" s="14">
        <v>956</v>
      </c>
      <c r="I825" s="4"/>
      <c r="J825" s="4"/>
      <c r="K825" s="4"/>
      <c r="L825" s="4"/>
    </row>
    <row r="826" spans="1:12" ht="14.25" customHeight="1" x14ac:dyDescent="0.25">
      <c r="A826" s="12" t="s">
        <v>2724</v>
      </c>
      <c r="B826" s="52" t="s">
        <v>2725</v>
      </c>
      <c r="C826" s="45"/>
      <c r="D826" s="12"/>
      <c r="E826" s="12"/>
      <c r="F826" s="13">
        <v>44506</v>
      </c>
      <c r="G826" s="14">
        <v>957</v>
      </c>
      <c r="I826" s="4"/>
      <c r="J826" s="4"/>
      <c r="K826" s="4"/>
      <c r="L826" s="4"/>
    </row>
    <row r="827" spans="1:12" ht="14.25" customHeight="1" x14ac:dyDescent="0.25">
      <c r="A827" s="12" t="s">
        <v>3026</v>
      </c>
      <c r="B827" s="52" t="s">
        <v>489</v>
      </c>
      <c r="C827" s="45"/>
      <c r="D827" s="12" t="s">
        <v>41</v>
      </c>
      <c r="E827" s="12" t="s">
        <v>489</v>
      </c>
      <c r="F827" s="13">
        <v>44512</v>
      </c>
      <c r="G827" s="14">
        <v>958</v>
      </c>
      <c r="I827" s="4"/>
      <c r="J827" s="4"/>
      <c r="K827" s="4"/>
      <c r="L827" s="4"/>
    </row>
    <row r="828" spans="1:12" ht="14.25" customHeight="1" x14ac:dyDescent="0.25">
      <c r="A828" s="12" t="s">
        <v>2727</v>
      </c>
      <c r="B828" s="52" t="s">
        <v>2300</v>
      </c>
      <c r="C828" s="45"/>
      <c r="D828" s="12"/>
      <c r="E828" s="12"/>
      <c r="F828" s="13">
        <v>44513</v>
      </c>
      <c r="G828" s="14">
        <v>959</v>
      </c>
      <c r="H828" s="4"/>
      <c r="I828" s="4"/>
      <c r="J828" s="4"/>
      <c r="K828" s="4"/>
      <c r="L828" s="4"/>
    </row>
    <row r="829" spans="1:12" ht="14.25" customHeight="1" x14ac:dyDescent="0.25">
      <c r="A829" s="12" t="s">
        <v>1114</v>
      </c>
      <c r="B829" s="52" t="s">
        <v>2103</v>
      </c>
      <c r="C829" s="45"/>
      <c r="D829" s="12"/>
      <c r="E829" s="12"/>
      <c r="F829" s="13">
        <v>44514</v>
      </c>
      <c r="G829" s="14">
        <v>960</v>
      </c>
      <c r="I829" s="4"/>
      <c r="J829" s="4"/>
      <c r="K829" s="4"/>
      <c r="L829" s="4"/>
    </row>
    <row r="830" spans="1:12" ht="14.25" customHeight="1" x14ac:dyDescent="0.25">
      <c r="A830" s="12" t="s">
        <v>2729</v>
      </c>
      <c r="B830" s="52" t="s">
        <v>2728</v>
      </c>
      <c r="C830" s="45"/>
      <c r="D830" s="12"/>
      <c r="E830" s="12"/>
      <c r="F830" s="13">
        <v>44512</v>
      </c>
      <c r="G830" s="14">
        <v>961</v>
      </c>
      <c r="H830" s="4"/>
      <c r="I830" s="4"/>
      <c r="J830" s="4"/>
      <c r="K830" s="4"/>
      <c r="L830" s="4"/>
    </row>
    <row r="831" spans="1:12" ht="14.25" customHeight="1" x14ac:dyDescent="0.25">
      <c r="A831" s="12" t="s">
        <v>2730</v>
      </c>
      <c r="B831" s="52" t="s">
        <v>152</v>
      </c>
      <c r="C831" s="45"/>
      <c r="D831" s="12"/>
      <c r="E831" s="12"/>
      <c r="F831" s="13">
        <v>44517</v>
      </c>
      <c r="G831" s="14">
        <v>962</v>
      </c>
      <c r="I831" s="4"/>
      <c r="J831" s="4"/>
      <c r="K831" s="4"/>
      <c r="L831" s="4"/>
    </row>
    <row r="832" spans="1:12" ht="14.25" customHeight="1" x14ac:dyDescent="0.25">
      <c r="A832" s="12" t="s">
        <v>1456</v>
      </c>
      <c r="B832" s="52" t="s">
        <v>2439</v>
      </c>
      <c r="C832" s="45" t="s">
        <v>2731</v>
      </c>
      <c r="D832" s="12"/>
      <c r="E832" s="12"/>
      <c r="F832" s="13">
        <v>44518</v>
      </c>
      <c r="G832" s="14">
        <v>963</v>
      </c>
      <c r="H832" s="4"/>
      <c r="I832" s="4"/>
      <c r="J832" s="4"/>
      <c r="K832" s="4"/>
      <c r="L832" s="4"/>
    </row>
    <row r="833" spans="1:12" ht="14.25" customHeight="1" x14ac:dyDescent="0.25">
      <c r="A833" s="12" t="s">
        <v>2732</v>
      </c>
      <c r="B833" s="52" t="s">
        <v>2733</v>
      </c>
      <c r="C833" s="45"/>
      <c r="D833" s="12"/>
      <c r="E833" s="12"/>
      <c r="F833" s="13">
        <v>44525</v>
      </c>
      <c r="G833" s="14">
        <v>964</v>
      </c>
      <c r="I833" s="4"/>
      <c r="J833" s="4"/>
      <c r="K833" s="4"/>
      <c r="L833" s="4"/>
    </row>
    <row r="834" spans="1:12" ht="14.25" customHeight="1" x14ac:dyDescent="0.25">
      <c r="A834" s="12" t="s">
        <v>370</v>
      </c>
      <c r="B834" s="52" t="s">
        <v>2652</v>
      </c>
      <c r="C834" s="45"/>
      <c r="D834" s="12"/>
      <c r="E834" s="12"/>
      <c r="F834" s="13">
        <v>44531</v>
      </c>
      <c r="G834" s="14">
        <v>965</v>
      </c>
      <c r="H834" s="4"/>
      <c r="I834" s="4"/>
      <c r="J834" s="4"/>
      <c r="K834" s="4"/>
      <c r="L834" s="4"/>
    </row>
    <row r="835" spans="1:12" ht="14.25" customHeight="1" x14ac:dyDescent="0.25">
      <c r="A835" s="12" t="s">
        <v>1975</v>
      </c>
      <c r="B835" s="52" t="s">
        <v>803</v>
      </c>
      <c r="C835" s="45" t="s">
        <v>2734</v>
      </c>
      <c r="D835" s="12"/>
      <c r="E835" s="12"/>
      <c r="F835" s="13">
        <v>44532</v>
      </c>
      <c r="G835" s="14">
        <v>966</v>
      </c>
      <c r="I835" s="4"/>
      <c r="J835" s="4"/>
      <c r="K835" s="4"/>
      <c r="L835" s="4"/>
    </row>
    <row r="836" spans="1:12" ht="14.25" customHeight="1" x14ac:dyDescent="0.25">
      <c r="A836" s="12" t="s">
        <v>2736</v>
      </c>
      <c r="B836" s="52" t="s">
        <v>2737</v>
      </c>
      <c r="C836" s="45" t="s">
        <v>878</v>
      </c>
      <c r="D836" s="12"/>
      <c r="E836" s="12"/>
      <c r="F836" s="13">
        <v>44536</v>
      </c>
      <c r="G836" s="14">
        <v>967</v>
      </c>
      <c r="I836" s="4"/>
      <c r="J836" s="4"/>
      <c r="K836" s="4"/>
      <c r="L836" s="4"/>
    </row>
    <row r="837" spans="1:12" ht="14.25" customHeight="1" x14ac:dyDescent="0.25">
      <c r="A837" s="12" t="s">
        <v>1278</v>
      </c>
      <c r="B837" s="52" t="s">
        <v>1202</v>
      </c>
      <c r="C837" s="45"/>
      <c r="D837" s="12"/>
      <c r="E837" s="12"/>
      <c r="F837" s="23">
        <v>44562</v>
      </c>
      <c r="G837" s="14">
        <v>970</v>
      </c>
      <c r="I837" s="4"/>
      <c r="J837" s="4"/>
      <c r="K837" s="4"/>
      <c r="L837" s="4"/>
    </row>
    <row r="838" spans="1:12" ht="14.25" customHeight="1" x14ac:dyDescent="0.25">
      <c r="A838" s="12" t="s">
        <v>2739</v>
      </c>
      <c r="B838" s="52" t="s">
        <v>1763</v>
      </c>
      <c r="C838" s="45"/>
      <c r="D838" s="12"/>
      <c r="E838" s="12"/>
      <c r="F838" s="15">
        <v>44547</v>
      </c>
      <c r="G838" s="14">
        <v>971</v>
      </c>
      <c r="I838" s="4"/>
      <c r="J838" s="4"/>
      <c r="K838" s="4"/>
      <c r="L838" s="4"/>
    </row>
    <row r="839" spans="1:12" ht="14.25" customHeight="1" x14ac:dyDescent="0.25">
      <c r="A839" s="12" t="s">
        <v>1083</v>
      </c>
      <c r="B839" s="52" t="s">
        <v>2740</v>
      </c>
      <c r="C839" s="45"/>
      <c r="D839" s="12"/>
      <c r="E839" s="12"/>
      <c r="F839" s="13">
        <v>44200</v>
      </c>
      <c r="G839" s="14">
        <v>972</v>
      </c>
      <c r="I839" s="4"/>
      <c r="J839" s="4"/>
      <c r="K839" s="4"/>
      <c r="L839" s="4"/>
    </row>
    <row r="840" spans="1:12" ht="14.25" customHeight="1" x14ac:dyDescent="0.25">
      <c r="A840" s="12" t="s">
        <v>1582</v>
      </c>
      <c r="B840" s="52" t="s">
        <v>1620</v>
      </c>
      <c r="C840" s="45"/>
      <c r="D840" s="12"/>
      <c r="E840" s="12"/>
      <c r="F840" s="13">
        <v>44600</v>
      </c>
      <c r="G840" s="14">
        <v>973</v>
      </c>
      <c r="I840" s="4"/>
      <c r="J840" s="4"/>
      <c r="K840" s="4"/>
      <c r="L840" s="4"/>
    </row>
    <row r="841" spans="1:12" ht="14.25" customHeight="1" x14ac:dyDescent="0.25">
      <c r="A841" s="12" t="s">
        <v>138</v>
      </c>
      <c r="B841" s="52" t="s">
        <v>50</v>
      </c>
      <c r="C841" s="45"/>
      <c r="D841" s="12"/>
      <c r="E841" s="12"/>
      <c r="F841" s="13">
        <v>44621</v>
      </c>
      <c r="G841" s="14">
        <v>974</v>
      </c>
      <c r="I841" s="4"/>
      <c r="J841" s="4"/>
      <c r="K841" s="4"/>
      <c r="L841" s="4"/>
    </row>
    <row r="842" spans="1:12" ht="14.25" customHeight="1" x14ac:dyDescent="0.25">
      <c r="A842" s="12" t="s">
        <v>1267</v>
      </c>
      <c r="B842" s="52" t="s">
        <v>2742</v>
      </c>
      <c r="C842" s="45"/>
      <c r="D842" s="12"/>
      <c r="E842" s="12"/>
      <c r="F842" s="23">
        <v>44616</v>
      </c>
      <c r="G842" s="14">
        <v>975</v>
      </c>
      <c r="I842" s="4"/>
      <c r="J842" s="4"/>
      <c r="K842" s="4"/>
      <c r="L842" s="4"/>
    </row>
    <row r="843" spans="1:12" ht="14.25" customHeight="1" x14ac:dyDescent="0.25">
      <c r="A843" s="12" t="s">
        <v>2743</v>
      </c>
      <c r="B843" s="52" t="s">
        <v>2744</v>
      </c>
      <c r="C843" s="45"/>
      <c r="D843" s="12"/>
      <c r="E843" s="12"/>
      <c r="F843" s="13">
        <v>44614</v>
      </c>
      <c r="G843" s="14">
        <v>976</v>
      </c>
      <c r="I843" s="4"/>
      <c r="J843" s="4"/>
      <c r="K843" s="4"/>
      <c r="L843" s="4"/>
    </row>
    <row r="844" spans="1:12" ht="14.25" customHeight="1" x14ac:dyDescent="0.25">
      <c r="A844" s="12" t="s">
        <v>2028</v>
      </c>
      <c r="B844" s="52" t="s">
        <v>564</v>
      </c>
      <c r="C844" s="45"/>
      <c r="D844" s="12"/>
      <c r="E844" s="12"/>
      <c r="F844" s="13">
        <v>44642</v>
      </c>
      <c r="G844" s="14">
        <v>978</v>
      </c>
      <c r="I844" s="4"/>
      <c r="J844" s="4"/>
      <c r="K844" s="4"/>
      <c r="L844" s="4"/>
    </row>
    <row r="845" spans="1:12" ht="14.25" customHeight="1" x14ac:dyDescent="0.25">
      <c r="A845" s="12" t="s">
        <v>2396</v>
      </c>
      <c r="B845" s="52" t="s">
        <v>1454</v>
      </c>
      <c r="C845" s="45"/>
      <c r="D845" s="12"/>
      <c r="E845" s="12"/>
      <c r="F845" s="13">
        <v>44646</v>
      </c>
      <c r="G845" s="14">
        <v>979</v>
      </c>
      <c r="I845" s="4"/>
      <c r="J845" s="4"/>
      <c r="K845" s="4"/>
      <c r="L845" s="4"/>
    </row>
    <row r="846" spans="1:12" ht="14.25" customHeight="1" x14ac:dyDescent="0.25">
      <c r="A846" s="12" t="s">
        <v>2747</v>
      </c>
      <c r="B846" s="52" t="s">
        <v>1445</v>
      </c>
      <c r="C846" s="45" t="s">
        <v>1968</v>
      </c>
      <c r="D846" s="12" t="s">
        <v>2983</v>
      </c>
      <c r="E846" s="12" t="s">
        <v>2676</v>
      </c>
      <c r="F846" s="13">
        <v>44646</v>
      </c>
      <c r="G846" s="14">
        <v>981</v>
      </c>
      <c r="I846" s="4"/>
      <c r="J846" s="4"/>
      <c r="K846" s="4"/>
      <c r="L846" s="4"/>
    </row>
    <row r="847" spans="1:12" ht="14.25" customHeight="1" x14ac:dyDescent="0.25">
      <c r="A847" s="12" t="s">
        <v>2748</v>
      </c>
      <c r="B847" s="52" t="s">
        <v>1492</v>
      </c>
      <c r="C847" s="45" t="s">
        <v>855</v>
      </c>
      <c r="D847" s="12"/>
      <c r="E847" s="12"/>
      <c r="F847" s="13">
        <v>44647</v>
      </c>
      <c r="G847" s="14">
        <v>982</v>
      </c>
      <c r="H847" s="4"/>
      <c r="I847" s="4"/>
      <c r="J847" s="4"/>
      <c r="K847" s="4"/>
      <c r="L847" s="4"/>
    </row>
    <row r="848" spans="1:12" ht="14.25" customHeight="1" x14ac:dyDescent="0.25">
      <c r="A848" s="12" t="s">
        <v>2750</v>
      </c>
      <c r="B848" s="52" t="s">
        <v>2457</v>
      </c>
      <c r="C848" s="45" t="s">
        <v>2749</v>
      </c>
      <c r="D848" s="12"/>
      <c r="E848" s="12"/>
      <c r="F848" s="13">
        <v>44666</v>
      </c>
      <c r="G848" s="14">
        <v>983</v>
      </c>
      <c r="H848" s="4"/>
      <c r="I848" s="4"/>
      <c r="J848" s="4"/>
      <c r="K848" s="4"/>
      <c r="L848" s="4"/>
    </row>
    <row r="849" spans="1:12" ht="14.25" customHeight="1" x14ac:dyDescent="0.25">
      <c r="A849" s="12" t="s">
        <v>485</v>
      </c>
      <c r="B849" s="52" t="s">
        <v>2751</v>
      </c>
      <c r="C849" s="45" t="s">
        <v>1968</v>
      </c>
      <c r="D849" s="12"/>
      <c r="E849" s="12"/>
      <c r="F849" s="13">
        <v>45017</v>
      </c>
      <c r="G849" s="14">
        <v>984</v>
      </c>
      <c r="I849" s="4"/>
      <c r="J849" s="4"/>
      <c r="K849" s="4"/>
      <c r="L849" s="4"/>
    </row>
    <row r="850" spans="1:12" ht="14.25" customHeight="1" x14ac:dyDescent="0.25">
      <c r="A850" s="12" t="s">
        <v>2752</v>
      </c>
      <c r="B850" s="52" t="s">
        <v>2753</v>
      </c>
      <c r="C850" s="45"/>
      <c r="D850" s="12" t="s">
        <v>416</v>
      </c>
      <c r="E850" s="12" t="s">
        <v>2754</v>
      </c>
      <c r="F850" s="13">
        <v>44657</v>
      </c>
      <c r="G850" s="14">
        <v>985</v>
      </c>
      <c r="I850" s="4"/>
      <c r="J850" s="4"/>
      <c r="K850" s="4"/>
      <c r="L850" s="4"/>
    </row>
    <row r="851" spans="1:12" ht="14.25" customHeight="1" x14ac:dyDescent="0.25">
      <c r="A851" s="12" t="s">
        <v>2169</v>
      </c>
      <c r="B851" s="52" t="s">
        <v>2755</v>
      </c>
      <c r="C851" s="45" t="s">
        <v>1117</v>
      </c>
      <c r="D851" s="12"/>
      <c r="E851" s="12"/>
      <c r="F851" s="13">
        <v>44672</v>
      </c>
      <c r="G851" s="14">
        <v>986</v>
      </c>
      <c r="I851" s="4"/>
      <c r="J851" s="4"/>
      <c r="K851" s="4"/>
      <c r="L851" s="4"/>
    </row>
    <row r="852" spans="1:12" ht="14.25" customHeight="1" x14ac:dyDescent="0.25">
      <c r="A852" s="27" t="s">
        <v>2756</v>
      </c>
      <c r="B852" s="54" t="s">
        <v>1639</v>
      </c>
      <c r="C852" s="17"/>
      <c r="D852" s="27"/>
      <c r="E852" s="12"/>
      <c r="F852" s="28">
        <v>44674</v>
      </c>
      <c r="G852" s="19">
        <v>987</v>
      </c>
      <c r="I852" s="4"/>
      <c r="J852" s="4"/>
      <c r="K852" s="4"/>
      <c r="L852" s="4"/>
    </row>
    <row r="853" spans="1:12" ht="14.25" customHeight="1" x14ac:dyDescent="0.25">
      <c r="A853" s="26" t="s">
        <v>363</v>
      </c>
      <c r="B853" s="55" t="s">
        <v>2757</v>
      </c>
      <c r="C853" s="47"/>
      <c r="D853" s="26"/>
      <c r="E853" s="26"/>
      <c r="F853" s="29">
        <v>44691</v>
      </c>
      <c r="G853" s="30">
        <v>988</v>
      </c>
      <c r="I853" s="4"/>
      <c r="J853" s="4"/>
      <c r="K853" s="4"/>
      <c r="L853" s="4"/>
    </row>
    <row r="854" spans="1:12" ht="14.25" customHeight="1" x14ac:dyDescent="0.25">
      <c r="A854" s="26" t="s">
        <v>2759</v>
      </c>
      <c r="B854" s="55" t="s">
        <v>2760</v>
      </c>
      <c r="C854" s="47"/>
      <c r="D854" s="26"/>
      <c r="E854" s="26"/>
      <c r="F854" s="29">
        <v>44679</v>
      </c>
      <c r="G854" s="30">
        <v>989</v>
      </c>
      <c r="I854" s="4"/>
      <c r="J854" s="4"/>
      <c r="K854" s="4"/>
      <c r="L854" s="4"/>
    </row>
    <row r="855" spans="1:12" ht="14.25" customHeight="1" x14ac:dyDescent="0.25">
      <c r="A855" s="26" t="s">
        <v>1780</v>
      </c>
      <c r="B855" s="55" t="s">
        <v>868</v>
      </c>
      <c r="C855" s="47" t="s">
        <v>1124</v>
      </c>
      <c r="D855" s="26"/>
      <c r="E855" s="26"/>
      <c r="F855" s="29">
        <v>44707</v>
      </c>
      <c r="G855" s="30">
        <v>990</v>
      </c>
      <c r="H855" s="4"/>
      <c r="I855" s="4"/>
      <c r="J855" s="4"/>
      <c r="K855" s="4"/>
      <c r="L855" s="4"/>
    </row>
    <row r="856" spans="1:12" ht="14.25" customHeight="1" x14ac:dyDescent="0.25">
      <c r="A856" s="26" t="s">
        <v>2762</v>
      </c>
      <c r="B856" s="55" t="s">
        <v>2584</v>
      </c>
      <c r="C856" s="47" t="s">
        <v>2029</v>
      </c>
      <c r="D856" s="26" t="s">
        <v>173</v>
      </c>
      <c r="E856" s="26" t="s">
        <v>1951</v>
      </c>
      <c r="F856" s="29">
        <v>44708</v>
      </c>
      <c r="G856" s="30">
        <v>991</v>
      </c>
      <c r="H856" s="4"/>
      <c r="I856" s="4"/>
      <c r="J856" s="4"/>
      <c r="K856" s="4"/>
      <c r="L856" s="4"/>
    </row>
    <row r="857" spans="1:12" ht="14.25" customHeight="1" x14ac:dyDescent="0.25">
      <c r="A857" s="26" t="s">
        <v>2763</v>
      </c>
      <c r="B857" s="55" t="s">
        <v>2764</v>
      </c>
      <c r="C857" s="47"/>
      <c r="D857" s="26"/>
      <c r="E857" s="26"/>
      <c r="F857" s="29">
        <v>44719</v>
      </c>
      <c r="G857" s="30">
        <v>992</v>
      </c>
      <c r="I857" s="4"/>
      <c r="J857" s="4"/>
      <c r="K857" s="4"/>
      <c r="L857" s="4"/>
    </row>
    <row r="858" spans="1:12" ht="14.25" customHeight="1" x14ac:dyDescent="0.25">
      <c r="A858" s="26" t="s">
        <v>2765</v>
      </c>
      <c r="B858" s="55" t="s">
        <v>2139</v>
      </c>
      <c r="C858" s="47" t="s">
        <v>2766</v>
      </c>
      <c r="D858" s="26"/>
      <c r="E858" s="26"/>
      <c r="F858" s="29">
        <v>44722</v>
      </c>
      <c r="G858" s="30">
        <v>993</v>
      </c>
      <c r="H858" s="4"/>
      <c r="I858" s="4"/>
      <c r="J858" s="4"/>
      <c r="K858" s="4"/>
      <c r="L858" s="4"/>
    </row>
    <row r="859" spans="1:12" ht="14.25" customHeight="1" x14ac:dyDescent="0.25">
      <c r="A859" s="26" t="s">
        <v>2767</v>
      </c>
      <c r="B859" s="55" t="s">
        <v>2768</v>
      </c>
      <c r="C859" s="47" t="s">
        <v>2581</v>
      </c>
      <c r="D859" s="26" t="s">
        <v>2070</v>
      </c>
      <c r="E859" s="26" t="s">
        <v>251</v>
      </c>
      <c r="F859" s="29">
        <v>44733</v>
      </c>
      <c r="G859" s="30">
        <v>994</v>
      </c>
      <c r="I859" s="4"/>
      <c r="J859" s="4"/>
      <c r="K859" s="4"/>
      <c r="L859" s="4"/>
    </row>
    <row r="860" spans="1:12" ht="14.25" customHeight="1" x14ac:dyDescent="0.25">
      <c r="A860" s="26" t="s">
        <v>605</v>
      </c>
      <c r="B860" s="55" t="s">
        <v>1964</v>
      </c>
      <c r="C860" s="47" t="s">
        <v>2769</v>
      </c>
      <c r="D860" s="26"/>
      <c r="E860" s="26"/>
      <c r="F860" s="29">
        <v>44732</v>
      </c>
      <c r="G860" s="30">
        <v>995</v>
      </c>
      <c r="I860" s="4"/>
      <c r="J860" s="4"/>
      <c r="K860" s="4"/>
      <c r="L860" s="4"/>
    </row>
    <row r="861" spans="1:12" ht="14.25" customHeight="1" x14ac:dyDescent="0.25">
      <c r="A861" s="26" t="s">
        <v>1394</v>
      </c>
      <c r="B861" s="55" t="s">
        <v>176</v>
      </c>
      <c r="C861" s="47"/>
      <c r="D861" s="26" t="s">
        <v>2617</v>
      </c>
      <c r="E861" s="26" t="s">
        <v>2770</v>
      </c>
      <c r="F861" s="29">
        <v>44743</v>
      </c>
      <c r="G861" s="30">
        <v>996</v>
      </c>
      <c r="I861" s="4"/>
      <c r="J861" s="4"/>
      <c r="K861" s="4"/>
      <c r="L861" s="4"/>
    </row>
    <row r="862" spans="1:12" s="4" customFormat="1" ht="14.25" customHeight="1" x14ac:dyDescent="0.25">
      <c r="A862" s="26" t="s">
        <v>2771</v>
      </c>
      <c r="B862" s="55" t="s">
        <v>2603</v>
      </c>
      <c r="C862" s="47" t="s">
        <v>2772</v>
      </c>
      <c r="D862" s="26" t="s">
        <v>544</v>
      </c>
      <c r="E862" s="26" t="s">
        <v>951</v>
      </c>
      <c r="F862" s="29">
        <v>44774</v>
      </c>
      <c r="G862" s="30">
        <v>997</v>
      </c>
      <c r="I862" s="3"/>
      <c r="J862" s="3"/>
      <c r="K862" s="3"/>
      <c r="L862" s="3"/>
    </row>
    <row r="863" spans="1:12" ht="14.25" customHeight="1" x14ac:dyDescent="0.25">
      <c r="A863" s="26" t="s">
        <v>269</v>
      </c>
      <c r="B863" s="55" t="s">
        <v>1100</v>
      </c>
      <c r="C863" s="47" t="s">
        <v>824</v>
      </c>
      <c r="D863" s="26"/>
      <c r="E863" s="26"/>
      <c r="F863" s="29">
        <v>44778</v>
      </c>
      <c r="G863" s="30">
        <v>999</v>
      </c>
      <c r="I863" s="4"/>
      <c r="J863" s="4"/>
      <c r="K863" s="4"/>
      <c r="L863" s="4"/>
    </row>
    <row r="864" spans="1:12" ht="14.25" customHeight="1" x14ac:dyDescent="0.25">
      <c r="A864" s="26" t="s">
        <v>2394</v>
      </c>
      <c r="B864" s="55" t="s">
        <v>2773</v>
      </c>
      <c r="C864" s="47"/>
      <c r="D864" s="26"/>
      <c r="E864" s="26"/>
      <c r="F864" s="29">
        <v>44796</v>
      </c>
      <c r="G864" s="30">
        <v>1000</v>
      </c>
      <c r="I864" s="4"/>
      <c r="J864" s="4"/>
      <c r="K864" s="4"/>
      <c r="L864" s="4"/>
    </row>
    <row r="865" spans="1:12" ht="14.25" customHeight="1" x14ac:dyDescent="0.25">
      <c r="A865" s="31">
        <v>0.2</v>
      </c>
      <c r="B865" s="55" t="s">
        <v>1929</v>
      </c>
      <c r="C865" s="47"/>
      <c r="D865" s="26" t="s">
        <v>2489</v>
      </c>
      <c r="E865" s="26" t="s">
        <v>3022</v>
      </c>
      <c r="F865" s="29">
        <v>44799</v>
      </c>
      <c r="G865" s="30">
        <v>1001</v>
      </c>
      <c r="I865" s="4"/>
      <c r="J865" s="4"/>
      <c r="K865" s="4"/>
      <c r="L865" s="4"/>
    </row>
    <row r="866" spans="1:12" ht="14.25" customHeight="1" x14ac:dyDescent="0.25">
      <c r="A866" s="26" t="s">
        <v>977</v>
      </c>
      <c r="B866" s="55" t="s">
        <v>2502</v>
      </c>
      <c r="C866" s="47"/>
      <c r="D866" s="26"/>
      <c r="E866" s="26"/>
      <c r="F866" s="29">
        <v>44805</v>
      </c>
      <c r="G866" s="30">
        <v>1002</v>
      </c>
      <c r="I866" s="4"/>
      <c r="J866" s="4"/>
      <c r="K866" s="4"/>
      <c r="L866" s="4"/>
    </row>
    <row r="867" spans="1:12" ht="14.25" customHeight="1" x14ac:dyDescent="0.25">
      <c r="A867" s="26" t="s">
        <v>2774</v>
      </c>
      <c r="B867" s="55" t="s">
        <v>326</v>
      </c>
      <c r="C867" s="47"/>
      <c r="D867" s="26" t="s">
        <v>2792</v>
      </c>
      <c r="E867" s="26"/>
      <c r="F867" s="29">
        <v>44806</v>
      </c>
      <c r="G867" s="30">
        <v>1003</v>
      </c>
      <c r="H867" s="4"/>
      <c r="I867" s="4"/>
      <c r="J867" s="4"/>
      <c r="K867" s="4"/>
      <c r="L867" s="4"/>
    </row>
    <row r="868" spans="1:12" ht="14.25" customHeight="1" x14ac:dyDescent="0.25">
      <c r="A868" s="26" t="s">
        <v>2819</v>
      </c>
      <c r="B868" s="55" t="s">
        <v>2639</v>
      </c>
      <c r="C868" s="47" t="s">
        <v>592</v>
      </c>
      <c r="D868" s="26"/>
      <c r="E868" s="26"/>
      <c r="F868" s="29">
        <v>44827</v>
      </c>
      <c r="G868" s="30">
        <v>1004</v>
      </c>
      <c r="I868" s="4"/>
      <c r="J868" s="4"/>
      <c r="K868" s="4"/>
      <c r="L868" s="4"/>
    </row>
    <row r="869" spans="1:12" ht="14.25" customHeight="1" x14ac:dyDescent="0.25">
      <c r="A869" s="26" t="s">
        <v>568</v>
      </c>
      <c r="B869" s="53" t="s">
        <v>2645</v>
      </c>
      <c r="C869" s="45"/>
      <c r="D869" s="12" t="s">
        <v>723</v>
      </c>
      <c r="E869" s="12" t="s">
        <v>2645</v>
      </c>
      <c r="F869" s="29">
        <v>44824</v>
      </c>
      <c r="G869" s="30">
        <v>1005</v>
      </c>
      <c r="I869" s="4"/>
      <c r="J869" s="4"/>
      <c r="K869" s="4"/>
      <c r="L869" s="4"/>
    </row>
    <row r="870" spans="1:12" ht="14.25" customHeight="1" x14ac:dyDescent="0.25">
      <c r="A870" s="26" t="s">
        <v>1364</v>
      </c>
      <c r="B870" s="52" t="s">
        <v>2335</v>
      </c>
      <c r="C870" s="45"/>
      <c r="D870" s="12"/>
      <c r="E870" s="12"/>
      <c r="F870" s="29">
        <v>44832</v>
      </c>
      <c r="G870" s="30">
        <v>1006</v>
      </c>
      <c r="I870" s="4"/>
      <c r="J870" s="4"/>
      <c r="K870" s="4"/>
      <c r="L870" s="4"/>
    </row>
    <row r="871" spans="1:12" ht="14.25" customHeight="1" x14ac:dyDescent="0.25">
      <c r="A871" s="26" t="s">
        <v>2821</v>
      </c>
      <c r="B871" s="55" t="s">
        <v>2822</v>
      </c>
      <c r="C871" s="47" t="s">
        <v>347</v>
      </c>
      <c r="D871" s="26"/>
      <c r="E871" s="26"/>
      <c r="F871" s="29">
        <v>44839</v>
      </c>
      <c r="G871" s="30">
        <v>1007</v>
      </c>
      <c r="I871" s="4"/>
      <c r="J871" s="4"/>
      <c r="K871" s="4"/>
      <c r="L871" s="4"/>
    </row>
    <row r="872" spans="1:12" ht="14.25" customHeight="1" x14ac:dyDescent="0.25">
      <c r="A872" s="26" t="s">
        <v>1691</v>
      </c>
      <c r="B872" s="52" t="s">
        <v>967</v>
      </c>
      <c r="C872" s="45"/>
      <c r="D872" s="12"/>
      <c r="E872" s="12"/>
      <c r="F872" s="29">
        <v>44849</v>
      </c>
      <c r="G872" s="30">
        <v>1008</v>
      </c>
      <c r="I872" s="4"/>
      <c r="J872" s="4"/>
      <c r="K872" s="4"/>
      <c r="L872" s="4"/>
    </row>
    <row r="873" spans="1:12" ht="14.25" customHeight="1" x14ac:dyDescent="0.25">
      <c r="A873" s="26" t="s">
        <v>161</v>
      </c>
      <c r="B873" s="55" t="s">
        <v>3023</v>
      </c>
      <c r="C873" s="47" t="s">
        <v>2974</v>
      </c>
      <c r="D873" s="26" t="s">
        <v>2973</v>
      </c>
      <c r="E873" s="26" t="s">
        <v>1580</v>
      </c>
      <c r="F873" s="29">
        <v>44866</v>
      </c>
      <c r="G873" s="30">
        <v>1009</v>
      </c>
      <c r="I873" s="4"/>
      <c r="J873" s="4"/>
      <c r="K873" s="4"/>
      <c r="L873" s="4"/>
    </row>
    <row r="874" spans="1:12" ht="14.25" customHeight="1" x14ac:dyDescent="0.25">
      <c r="A874" s="26" t="s">
        <v>2825</v>
      </c>
      <c r="B874" s="55" t="s">
        <v>2824</v>
      </c>
      <c r="C874" s="47"/>
      <c r="D874" s="26"/>
      <c r="E874" s="26"/>
      <c r="F874" s="29">
        <v>44852</v>
      </c>
      <c r="G874" s="30">
        <v>1010</v>
      </c>
      <c r="I874" s="4"/>
      <c r="J874" s="4"/>
      <c r="K874" s="4"/>
      <c r="L874" s="4"/>
    </row>
    <row r="875" spans="1:12" ht="14.25" customHeight="1" x14ac:dyDescent="0.25">
      <c r="A875" s="26" t="s">
        <v>2826</v>
      </c>
      <c r="B875" s="55" t="s">
        <v>2240</v>
      </c>
      <c r="C875" s="47"/>
      <c r="D875" s="26"/>
      <c r="E875" s="26"/>
      <c r="F875" s="29">
        <v>44866</v>
      </c>
      <c r="G875" s="30">
        <v>1011</v>
      </c>
      <c r="I875" s="4"/>
      <c r="J875" s="4"/>
      <c r="K875" s="4"/>
      <c r="L875" s="4"/>
    </row>
    <row r="876" spans="1:12" ht="14.25" customHeight="1" x14ac:dyDescent="0.25">
      <c r="A876" s="26" t="s">
        <v>1833</v>
      </c>
      <c r="B876" s="55" t="s">
        <v>1137</v>
      </c>
      <c r="C876" s="47"/>
      <c r="D876" s="26" t="s">
        <v>2827</v>
      </c>
      <c r="E876" s="26" t="s">
        <v>2828</v>
      </c>
      <c r="F876" s="29">
        <v>44866</v>
      </c>
      <c r="G876" s="30">
        <v>1012</v>
      </c>
      <c r="I876" s="4"/>
      <c r="J876" s="4"/>
      <c r="K876" s="4"/>
      <c r="L876" s="4"/>
    </row>
    <row r="877" spans="1:12" ht="14.25" customHeight="1" x14ac:dyDescent="0.25">
      <c r="A877" s="12" t="s">
        <v>1336</v>
      </c>
      <c r="B877" s="55" t="s">
        <v>2829</v>
      </c>
      <c r="C877" s="47"/>
      <c r="D877" s="26"/>
      <c r="E877" s="26"/>
      <c r="F877" s="29">
        <v>44866</v>
      </c>
      <c r="G877" s="30">
        <v>1013</v>
      </c>
      <c r="I877" s="4"/>
      <c r="J877" s="4"/>
      <c r="K877" s="4"/>
      <c r="L877" s="4"/>
    </row>
    <row r="878" spans="1:12" ht="14.25" customHeight="1" x14ac:dyDescent="0.25">
      <c r="A878" s="26" t="s">
        <v>2830</v>
      </c>
      <c r="B878" s="55" t="s">
        <v>2832</v>
      </c>
      <c r="C878" s="47" t="s">
        <v>2833</v>
      </c>
      <c r="D878" s="26"/>
      <c r="E878" s="26"/>
      <c r="F878" s="29">
        <v>44867</v>
      </c>
      <c r="G878" s="30">
        <v>1014</v>
      </c>
      <c r="I878" s="4"/>
      <c r="J878" s="4"/>
      <c r="K878" s="4"/>
      <c r="L878" s="4"/>
    </row>
    <row r="879" spans="1:12" s="7" customFormat="1" ht="14.25" customHeight="1" x14ac:dyDescent="0.25">
      <c r="A879" s="26" t="s">
        <v>2834</v>
      </c>
      <c r="B879" s="55" t="s">
        <v>2835</v>
      </c>
      <c r="C879" s="47" t="s">
        <v>1968</v>
      </c>
      <c r="D879" s="26"/>
      <c r="E879" s="26"/>
      <c r="F879" s="29">
        <v>44870</v>
      </c>
      <c r="G879" s="30">
        <v>1015</v>
      </c>
    </row>
    <row r="880" spans="1:12" ht="14.25" customHeight="1" x14ac:dyDescent="0.25">
      <c r="A880" s="26" t="s">
        <v>2837</v>
      </c>
      <c r="B880" s="55" t="s">
        <v>2836</v>
      </c>
      <c r="C880" s="47"/>
      <c r="D880" s="26" t="s">
        <v>2627</v>
      </c>
      <c r="E880" s="26" t="s">
        <v>1561</v>
      </c>
      <c r="F880" s="32">
        <v>44872</v>
      </c>
      <c r="G880" s="30">
        <v>1016</v>
      </c>
      <c r="H880" s="4"/>
      <c r="I880" s="4"/>
      <c r="J880" s="4"/>
      <c r="K880" s="4"/>
      <c r="L880" s="4"/>
    </row>
    <row r="881" spans="1:12" ht="14.25" customHeight="1" x14ac:dyDescent="0.25">
      <c r="A881" s="26" t="s">
        <v>2356</v>
      </c>
      <c r="B881" s="55" t="s">
        <v>1066</v>
      </c>
      <c r="C881" s="47" t="s">
        <v>2029</v>
      </c>
      <c r="D881" s="26" t="s">
        <v>1156</v>
      </c>
      <c r="E881" s="26" t="s">
        <v>2576</v>
      </c>
      <c r="F881" s="29">
        <v>44896</v>
      </c>
      <c r="G881" s="30">
        <v>1017</v>
      </c>
      <c r="H881" s="4"/>
      <c r="I881" s="4"/>
      <c r="J881" s="4"/>
      <c r="K881" s="4"/>
      <c r="L881" s="4"/>
    </row>
    <row r="882" spans="1:12" ht="14.25" customHeight="1" x14ac:dyDescent="0.25">
      <c r="A882" s="26" t="s">
        <v>833</v>
      </c>
      <c r="B882" s="55" t="s">
        <v>1369</v>
      </c>
      <c r="C882" s="47" t="s">
        <v>2310</v>
      </c>
      <c r="D882" s="26" t="s">
        <v>1918</v>
      </c>
      <c r="E882" s="26" t="s">
        <v>2838</v>
      </c>
      <c r="F882" s="29">
        <v>44881</v>
      </c>
      <c r="G882" s="30">
        <v>1018</v>
      </c>
      <c r="I882" s="4"/>
      <c r="J882" s="4"/>
      <c r="K882" s="4"/>
      <c r="L882" s="4"/>
    </row>
    <row r="883" spans="1:12" ht="14.25" customHeight="1" x14ac:dyDescent="0.25">
      <c r="A883" s="26" t="s">
        <v>2839</v>
      </c>
      <c r="B883" s="55" t="s">
        <v>792</v>
      </c>
      <c r="C883" s="47" t="s">
        <v>2029</v>
      </c>
      <c r="D883" s="26"/>
      <c r="E883" s="26"/>
      <c r="F883" s="29">
        <v>44888</v>
      </c>
      <c r="G883" s="30">
        <v>1019</v>
      </c>
      <c r="I883" s="4"/>
      <c r="J883" s="4"/>
      <c r="K883" s="4"/>
      <c r="L883" s="4"/>
    </row>
    <row r="884" spans="1:12" ht="14.25" customHeight="1" x14ac:dyDescent="0.25">
      <c r="A884" s="26" t="s">
        <v>22</v>
      </c>
      <c r="B884" s="55" t="s">
        <v>1936</v>
      </c>
      <c r="C884" s="47" t="s">
        <v>1968</v>
      </c>
      <c r="D884" s="26"/>
      <c r="E884" s="26"/>
      <c r="F884" s="29">
        <v>44885</v>
      </c>
      <c r="G884" s="30">
        <v>1020</v>
      </c>
      <c r="H884" s="4"/>
      <c r="I884" s="4"/>
      <c r="J884" s="4"/>
      <c r="K884" s="4"/>
      <c r="L884" s="4"/>
    </row>
    <row r="885" spans="1:12" ht="14.25" customHeight="1" x14ac:dyDescent="0.25">
      <c r="A885" s="26" t="s">
        <v>2841</v>
      </c>
      <c r="B885" s="55" t="s">
        <v>2843</v>
      </c>
      <c r="C885" s="47" t="s">
        <v>2844</v>
      </c>
      <c r="D885" s="26"/>
      <c r="E885" s="26"/>
      <c r="F885" s="29">
        <v>44930</v>
      </c>
      <c r="G885" s="30">
        <v>1022</v>
      </c>
      <c r="I885" s="4"/>
      <c r="J885" s="4"/>
      <c r="K885" s="4"/>
      <c r="L885" s="4"/>
    </row>
    <row r="886" spans="1:12" ht="14.25" customHeight="1" x14ac:dyDescent="0.25">
      <c r="A886" s="26" t="s">
        <v>2845</v>
      </c>
      <c r="B886" s="55" t="s">
        <v>713</v>
      </c>
      <c r="C886" s="47" t="s">
        <v>2287</v>
      </c>
      <c r="D886" s="26"/>
      <c r="E886" s="26"/>
      <c r="F886" s="29">
        <v>44937</v>
      </c>
      <c r="G886" s="30">
        <v>1023</v>
      </c>
      <c r="I886" s="4"/>
      <c r="J886" s="4"/>
      <c r="K886" s="4"/>
      <c r="L886" s="4"/>
    </row>
    <row r="887" spans="1:12" ht="14.25" customHeight="1" x14ac:dyDescent="0.25">
      <c r="A887" s="26" t="s">
        <v>920</v>
      </c>
      <c r="B887" s="55" t="s">
        <v>1704</v>
      </c>
      <c r="C887" s="47"/>
      <c r="D887" s="26"/>
      <c r="E887" s="26"/>
      <c r="F887" s="29">
        <v>44938</v>
      </c>
      <c r="G887" s="30">
        <v>1024</v>
      </c>
      <c r="H887" s="4"/>
      <c r="I887" s="4"/>
      <c r="J887" s="4"/>
      <c r="K887" s="4"/>
      <c r="L887" s="4"/>
    </row>
    <row r="888" spans="1:12" ht="14.25" customHeight="1" x14ac:dyDescent="0.25">
      <c r="A888" s="26" t="s">
        <v>2167</v>
      </c>
      <c r="B888" s="55" t="s">
        <v>1247</v>
      </c>
      <c r="C888" s="47"/>
      <c r="D888" s="26"/>
      <c r="E888" s="26"/>
      <c r="F888" s="29">
        <v>44938</v>
      </c>
      <c r="G888" s="30">
        <v>1025</v>
      </c>
      <c r="I888" s="4"/>
      <c r="J888" s="4"/>
      <c r="K888" s="4"/>
      <c r="L888" s="4"/>
    </row>
    <row r="889" spans="1:12" ht="14.25" customHeight="1" x14ac:dyDescent="0.25">
      <c r="A889" s="26" t="s">
        <v>2846</v>
      </c>
      <c r="B889" s="55" t="s">
        <v>2847</v>
      </c>
      <c r="C889" s="47"/>
      <c r="D889" s="26"/>
      <c r="E889" s="26"/>
      <c r="F889" s="29">
        <v>44945</v>
      </c>
      <c r="G889" s="30">
        <v>1026</v>
      </c>
      <c r="I889" s="4"/>
      <c r="J889" s="4"/>
      <c r="K889" s="4"/>
      <c r="L889" s="4"/>
    </row>
    <row r="890" spans="1:12" ht="14.25" customHeight="1" x14ac:dyDescent="0.25">
      <c r="A890" s="26" t="s">
        <v>1513</v>
      </c>
      <c r="B890" s="55" t="s">
        <v>2550</v>
      </c>
      <c r="C890" s="47" t="s">
        <v>168</v>
      </c>
      <c r="D890" s="26"/>
      <c r="E890" s="26"/>
      <c r="F890" s="29">
        <v>44947</v>
      </c>
      <c r="G890" s="30">
        <v>1027</v>
      </c>
      <c r="H890" s="4"/>
      <c r="I890" s="4"/>
      <c r="J890" s="4"/>
      <c r="K890" s="4"/>
      <c r="L890" s="4"/>
    </row>
    <row r="891" spans="1:12" ht="14.25" customHeight="1" x14ac:dyDescent="0.25">
      <c r="A891" s="26" t="s">
        <v>2937</v>
      </c>
      <c r="B891" s="55" t="s">
        <v>2848</v>
      </c>
      <c r="C891" s="47"/>
      <c r="D891" s="26" t="s">
        <v>2938</v>
      </c>
      <c r="E891" s="12" t="s">
        <v>3006</v>
      </c>
      <c r="F891" s="29">
        <v>44960</v>
      </c>
      <c r="G891" s="30">
        <v>1028</v>
      </c>
      <c r="I891" s="4"/>
      <c r="J891" s="4"/>
      <c r="K891" s="4"/>
      <c r="L891" s="4"/>
    </row>
    <row r="892" spans="1:12" ht="14.25" customHeight="1" x14ac:dyDescent="0.25">
      <c r="A892" s="26" t="s">
        <v>2849</v>
      </c>
      <c r="B892" s="55" t="s">
        <v>1265</v>
      </c>
      <c r="C892" s="47" t="s">
        <v>956</v>
      </c>
      <c r="D892" s="26"/>
      <c r="E892" s="26"/>
      <c r="F892" s="29">
        <v>44960</v>
      </c>
      <c r="G892" s="30">
        <v>1029</v>
      </c>
      <c r="I892" s="4"/>
      <c r="J892" s="4"/>
      <c r="K892" s="4"/>
      <c r="L892" s="4"/>
    </row>
    <row r="893" spans="1:12" ht="14.25" customHeight="1" x14ac:dyDescent="0.25">
      <c r="A893" s="26" t="s">
        <v>502</v>
      </c>
      <c r="B893" s="55" t="s">
        <v>478</v>
      </c>
      <c r="C893" s="47" t="s">
        <v>1968</v>
      </c>
      <c r="D893" s="26"/>
      <c r="E893" s="26"/>
      <c r="F893" s="29">
        <v>44970</v>
      </c>
      <c r="G893" s="30">
        <v>1031</v>
      </c>
      <c r="I893" s="4"/>
      <c r="J893" s="4"/>
      <c r="K893" s="4"/>
      <c r="L893" s="4"/>
    </row>
    <row r="894" spans="1:12" s="7" customFormat="1" ht="14.25" customHeight="1" x14ac:dyDescent="0.25">
      <c r="A894" s="26" t="s">
        <v>2850</v>
      </c>
      <c r="B894" s="55" t="s">
        <v>792</v>
      </c>
      <c r="C894" s="47"/>
      <c r="D894" s="26"/>
      <c r="E894" s="12"/>
      <c r="F894" s="29">
        <v>44970</v>
      </c>
      <c r="G894" s="30">
        <v>1032</v>
      </c>
    </row>
    <row r="895" spans="1:12" ht="14.25" customHeight="1" x14ac:dyDescent="0.25">
      <c r="A895" s="26" t="s">
        <v>3095</v>
      </c>
      <c r="B895" s="55" t="s">
        <v>2851</v>
      </c>
      <c r="C895" s="47" t="s">
        <v>2852</v>
      </c>
      <c r="D895" s="26"/>
      <c r="E895" s="26"/>
      <c r="F895" s="29">
        <v>44974</v>
      </c>
      <c r="G895" s="30">
        <v>1033</v>
      </c>
      <c r="I895" s="4"/>
      <c r="J895" s="4"/>
      <c r="K895" s="4"/>
      <c r="L895" s="4"/>
    </row>
    <row r="896" spans="1:12" ht="14.25" customHeight="1" x14ac:dyDescent="0.25">
      <c r="A896" s="26" t="s">
        <v>1382</v>
      </c>
      <c r="B896" s="55" t="s">
        <v>1084</v>
      </c>
      <c r="C896" s="47" t="s">
        <v>2853</v>
      </c>
      <c r="D896" s="26"/>
      <c r="E896" s="26"/>
      <c r="F896" s="29">
        <v>45010</v>
      </c>
      <c r="G896" s="30">
        <v>1034</v>
      </c>
      <c r="I896" s="4"/>
      <c r="J896" s="4"/>
      <c r="K896" s="4"/>
      <c r="L896" s="4"/>
    </row>
    <row r="897" spans="1:12" ht="14.25" customHeight="1" x14ac:dyDescent="0.25">
      <c r="A897" s="26" t="s">
        <v>2855</v>
      </c>
      <c r="B897" s="55" t="s">
        <v>2854</v>
      </c>
      <c r="C897" s="47"/>
      <c r="D897" s="26"/>
      <c r="E897" s="26"/>
      <c r="F897" s="29">
        <v>45015</v>
      </c>
      <c r="G897" s="30">
        <v>1035</v>
      </c>
      <c r="I897" s="4"/>
      <c r="J897" s="4"/>
      <c r="K897" s="4"/>
      <c r="L897" s="4"/>
    </row>
    <row r="898" spans="1:12" ht="14.25" customHeight="1" x14ac:dyDescent="0.25">
      <c r="A898" s="26" t="s">
        <v>2859</v>
      </c>
      <c r="B898" s="55" t="s">
        <v>669</v>
      </c>
      <c r="C898" s="47"/>
      <c r="D898" s="26"/>
      <c r="E898" s="26"/>
      <c r="F898" s="29">
        <v>45022</v>
      </c>
      <c r="G898" s="30">
        <v>1036</v>
      </c>
      <c r="I898" s="4"/>
      <c r="J898" s="4"/>
      <c r="K898" s="4"/>
      <c r="L898" s="4"/>
    </row>
    <row r="899" spans="1:12" ht="14.25" customHeight="1" x14ac:dyDescent="0.25">
      <c r="A899" s="26" t="s">
        <v>936</v>
      </c>
      <c r="B899" s="55" t="s">
        <v>2862</v>
      </c>
      <c r="C899" s="47"/>
      <c r="D899" s="26" t="s">
        <v>2863</v>
      </c>
      <c r="E899" s="26" t="s">
        <v>1537</v>
      </c>
      <c r="F899" s="29">
        <v>45022</v>
      </c>
      <c r="G899" s="30">
        <v>1037</v>
      </c>
      <c r="I899" s="4"/>
      <c r="J899" s="4"/>
      <c r="K899" s="4"/>
      <c r="L899" s="4"/>
    </row>
    <row r="900" spans="1:12" ht="14.25" customHeight="1" x14ac:dyDescent="0.25">
      <c r="A900" s="26" t="s">
        <v>18</v>
      </c>
      <c r="B900" s="55" t="s">
        <v>2864</v>
      </c>
      <c r="C900" s="47"/>
      <c r="D900" s="26"/>
      <c r="E900" s="26"/>
      <c r="F900" s="29">
        <v>45029</v>
      </c>
      <c r="G900" s="30">
        <v>1038</v>
      </c>
      <c r="I900" s="4"/>
      <c r="J900" s="4"/>
      <c r="K900" s="4"/>
      <c r="L900" s="4"/>
    </row>
    <row r="901" spans="1:12" ht="14.25" customHeight="1" x14ac:dyDescent="0.25">
      <c r="A901" s="26" t="s">
        <v>2865</v>
      </c>
      <c r="B901" s="55" t="s">
        <v>1310</v>
      </c>
      <c r="C901" s="47"/>
      <c r="D901" s="26"/>
      <c r="E901" s="26"/>
      <c r="F901" s="29">
        <v>45029</v>
      </c>
      <c r="G901" s="30">
        <v>1039</v>
      </c>
      <c r="I901" s="4"/>
      <c r="J901" s="4"/>
      <c r="K901" s="4"/>
      <c r="L901" s="4"/>
    </row>
    <row r="902" spans="1:12" ht="14.25" customHeight="1" x14ac:dyDescent="0.25">
      <c r="A902" s="26" t="s">
        <v>2869</v>
      </c>
      <c r="B902" s="55" t="s">
        <v>2867</v>
      </c>
      <c r="C902" s="47"/>
      <c r="D902" s="26"/>
      <c r="E902" s="26"/>
      <c r="F902" s="29">
        <v>45035</v>
      </c>
      <c r="G902" s="30">
        <v>1041</v>
      </c>
      <c r="H902" s="4"/>
      <c r="I902" s="4"/>
      <c r="J902" s="4"/>
      <c r="K902" s="4"/>
      <c r="L902" s="4"/>
    </row>
    <row r="903" spans="1:12" ht="14.25" customHeight="1" x14ac:dyDescent="0.25">
      <c r="A903" s="26" t="s">
        <v>786</v>
      </c>
      <c r="B903" s="55" t="s">
        <v>2870</v>
      </c>
      <c r="C903" s="47" t="s">
        <v>1968</v>
      </c>
      <c r="D903" s="26"/>
      <c r="E903" s="26"/>
      <c r="F903" s="29">
        <v>45036</v>
      </c>
      <c r="G903" s="30">
        <v>1042</v>
      </c>
      <c r="I903" s="4"/>
      <c r="J903" s="4"/>
      <c r="K903" s="4"/>
      <c r="L903" s="4"/>
    </row>
    <row r="904" spans="1:12" s="7" customFormat="1" ht="14.25" customHeight="1" x14ac:dyDescent="0.25">
      <c r="A904" s="26" t="s">
        <v>818</v>
      </c>
      <c r="B904" s="55" t="s">
        <v>2069</v>
      </c>
      <c r="C904" s="47"/>
      <c r="D904" s="26" t="s">
        <v>818</v>
      </c>
      <c r="E904" s="26" t="s">
        <v>2069</v>
      </c>
      <c r="F904" s="29">
        <v>45044</v>
      </c>
      <c r="G904" s="30">
        <v>1043</v>
      </c>
    </row>
    <row r="905" spans="1:12" ht="14.25" customHeight="1" x14ac:dyDescent="0.25">
      <c r="A905" s="26" t="s">
        <v>2871</v>
      </c>
      <c r="B905" s="55" t="s">
        <v>2872</v>
      </c>
      <c r="C905" s="47"/>
      <c r="D905" s="26"/>
      <c r="E905" s="26"/>
      <c r="F905" s="29">
        <v>45048</v>
      </c>
      <c r="G905" s="30">
        <v>1044</v>
      </c>
      <c r="I905" s="4"/>
      <c r="J905" s="4"/>
      <c r="K905" s="4"/>
      <c r="L905" s="4"/>
    </row>
    <row r="906" spans="1:12" ht="14.25" customHeight="1" x14ac:dyDescent="0.25">
      <c r="A906" s="26" t="s">
        <v>2871</v>
      </c>
      <c r="B906" s="55" t="s">
        <v>2872</v>
      </c>
      <c r="C906" s="47"/>
      <c r="D906" s="26"/>
      <c r="E906" s="26"/>
      <c r="F906" s="29">
        <v>45054</v>
      </c>
      <c r="G906" s="30">
        <v>1045</v>
      </c>
      <c r="I906" s="4"/>
      <c r="J906" s="4"/>
      <c r="K906" s="4"/>
      <c r="L906" s="4"/>
    </row>
    <row r="907" spans="1:12" ht="14.25" customHeight="1" x14ac:dyDescent="0.25">
      <c r="A907" s="12" t="s">
        <v>2874</v>
      </c>
      <c r="B907" s="52" t="s">
        <v>2875</v>
      </c>
      <c r="C907" s="45" t="s">
        <v>2716</v>
      </c>
      <c r="D907" s="12"/>
      <c r="E907" s="12"/>
      <c r="F907" s="29">
        <v>45054</v>
      </c>
      <c r="G907" s="30">
        <v>1046</v>
      </c>
      <c r="I907" s="4"/>
      <c r="J907" s="4"/>
      <c r="K907" s="4"/>
      <c r="L907" s="4"/>
    </row>
    <row r="908" spans="1:12" ht="14.25" customHeight="1" x14ac:dyDescent="0.25">
      <c r="A908" s="26" t="s">
        <v>1275</v>
      </c>
      <c r="B908" s="55" t="s">
        <v>2873</v>
      </c>
      <c r="C908" s="47" t="s">
        <v>536</v>
      </c>
      <c r="D908" s="26" t="s">
        <v>2758</v>
      </c>
      <c r="E908" s="26" t="s">
        <v>1535</v>
      </c>
      <c r="F908" s="29">
        <v>45052</v>
      </c>
      <c r="G908" s="30">
        <v>1047</v>
      </c>
      <c r="I908" s="4"/>
      <c r="J908" s="4"/>
      <c r="K908" s="4"/>
      <c r="L908" s="4"/>
    </row>
    <row r="909" spans="1:12" ht="14.25" customHeight="1" x14ac:dyDescent="0.25">
      <c r="A909" s="26" t="s">
        <v>2876</v>
      </c>
      <c r="B909" s="55" t="s">
        <v>1677</v>
      </c>
      <c r="C909" s="47"/>
      <c r="D909" s="26"/>
      <c r="E909" s="26"/>
      <c r="F909" s="29">
        <v>45069</v>
      </c>
      <c r="G909" s="30">
        <v>1048</v>
      </c>
      <c r="I909" s="4"/>
      <c r="J909" s="4"/>
      <c r="K909" s="4"/>
      <c r="L909" s="4"/>
    </row>
    <row r="910" spans="1:12" ht="14.25" customHeight="1" x14ac:dyDescent="0.25">
      <c r="A910" s="26" t="s">
        <v>1598</v>
      </c>
      <c r="B910" s="55" t="s">
        <v>2877</v>
      </c>
      <c r="C910" s="47"/>
      <c r="D910" s="26" t="s">
        <v>2006</v>
      </c>
      <c r="E910" s="26" t="s">
        <v>2878</v>
      </c>
      <c r="F910" s="29">
        <v>45078</v>
      </c>
      <c r="G910" s="30">
        <v>1049</v>
      </c>
      <c r="I910" s="4"/>
      <c r="J910" s="4"/>
      <c r="K910" s="4"/>
      <c r="L910" s="4"/>
    </row>
    <row r="911" spans="1:12" ht="14.25" customHeight="1" x14ac:dyDescent="0.25">
      <c r="A911" s="26" t="s">
        <v>1075</v>
      </c>
      <c r="B911" s="55" t="s">
        <v>82</v>
      </c>
      <c r="C911" s="47"/>
      <c r="D911" s="26"/>
      <c r="E911" s="26"/>
      <c r="F911" s="29">
        <v>45078</v>
      </c>
      <c r="G911" s="30">
        <v>1050</v>
      </c>
      <c r="H911" s="4"/>
      <c r="I911" s="4"/>
      <c r="J911" s="4"/>
      <c r="K911" s="4"/>
      <c r="L911" s="4"/>
    </row>
    <row r="912" spans="1:12" ht="14.25" customHeight="1" x14ac:dyDescent="0.25">
      <c r="A912" s="26" t="s">
        <v>2879</v>
      </c>
      <c r="B912" s="55" t="s">
        <v>2880</v>
      </c>
      <c r="C912" s="47"/>
      <c r="D912" s="26"/>
      <c r="E912" s="26"/>
      <c r="F912" s="29">
        <v>45079</v>
      </c>
      <c r="G912" s="30">
        <v>1051</v>
      </c>
      <c r="H912" s="4"/>
      <c r="I912" s="4"/>
      <c r="J912" s="4"/>
      <c r="K912" s="4"/>
      <c r="L912" s="4"/>
    </row>
    <row r="913" spans="1:12" ht="14.25" customHeight="1" x14ac:dyDescent="0.25">
      <c r="A913" s="26" t="s">
        <v>1038</v>
      </c>
      <c r="B913" s="55" t="s">
        <v>1989</v>
      </c>
      <c r="C913" s="47" t="s">
        <v>2881</v>
      </c>
      <c r="D913" s="26"/>
      <c r="E913" s="26"/>
      <c r="F913" s="29">
        <v>45092</v>
      </c>
      <c r="G913" s="30">
        <v>1052</v>
      </c>
      <c r="H913" s="4"/>
      <c r="I913" s="4"/>
      <c r="J913" s="4"/>
      <c r="K913" s="4"/>
      <c r="L913" s="4"/>
    </row>
    <row r="914" spans="1:12" ht="14.25" customHeight="1" x14ac:dyDescent="0.25">
      <c r="A914" s="26" t="s">
        <v>2882</v>
      </c>
      <c r="B914" s="55" t="s">
        <v>1017</v>
      </c>
      <c r="C914" s="47" t="s">
        <v>644</v>
      </c>
      <c r="D914" s="26"/>
      <c r="E914" s="26"/>
      <c r="F914" s="29">
        <v>45100</v>
      </c>
      <c r="G914" s="30">
        <v>1053</v>
      </c>
      <c r="I914" s="4"/>
      <c r="J914" s="4"/>
      <c r="K914" s="4"/>
      <c r="L914" s="4"/>
    </row>
    <row r="915" spans="1:12" ht="14.25" customHeight="1" x14ac:dyDescent="0.25">
      <c r="A915" s="26" t="s">
        <v>2684</v>
      </c>
      <c r="B915" s="55" t="s">
        <v>2883</v>
      </c>
      <c r="C915" s="47" t="s">
        <v>2081</v>
      </c>
      <c r="D915" s="26" t="s">
        <v>2599</v>
      </c>
      <c r="E915" s="26" t="s">
        <v>1490</v>
      </c>
      <c r="F915" s="29">
        <v>45105</v>
      </c>
      <c r="G915" s="30">
        <v>1054</v>
      </c>
      <c r="I915" s="4"/>
      <c r="J915" s="4"/>
      <c r="K915" s="4"/>
      <c r="L915" s="4"/>
    </row>
    <row r="916" spans="1:12" ht="14.25" customHeight="1" x14ac:dyDescent="0.25">
      <c r="A916" s="26" t="s">
        <v>2307</v>
      </c>
      <c r="B916" s="55" t="s">
        <v>2884</v>
      </c>
      <c r="C916" s="47" t="s">
        <v>923</v>
      </c>
      <c r="D916" s="26"/>
      <c r="E916" s="26"/>
      <c r="F916" s="29">
        <v>45107</v>
      </c>
      <c r="G916" s="30">
        <v>1055</v>
      </c>
      <c r="I916" s="4"/>
      <c r="J916" s="4"/>
      <c r="K916" s="4"/>
      <c r="L916" s="4"/>
    </row>
    <row r="917" spans="1:12" ht="14.25" customHeight="1" x14ac:dyDescent="0.25">
      <c r="A917" s="26" t="s">
        <v>2353</v>
      </c>
      <c r="B917" s="55" t="s">
        <v>2885</v>
      </c>
      <c r="C917" s="47"/>
      <c r="D917" s="26"/>
      <c r="E917" s="26"/>
      <c r="F917" s="29">
        <v>45112</v>
      </c>
      <c r="G917" s="30">
        <v>1056</v>
      </c>
      <c r="I917" s="4"/>
      <c r="J917" s="4"/>
      <c r="K917" s="4"/>
      <c r="L917" s="4"/>
    </row>
    <row r="918" spans="1:12" ht="14.25" customHeight="1" x14ac:dyDescent="0.25">
      <c r="A918" s="26" t="s">
        <v>2886</v>
      </c>
      <c r="B918" s="55" t="s">
        <v>1161</v>
      </c>
      <c r="C918" s="47"/>
      <c r="D918" s="26" t="s">
        <v>2886</v>
      </c>
      <c r="E918" s="26" t="s">
        <v>996</v>
      </c>
      <c r="F918" s="29">
        <v>45112</v>
      </c>
      <c r="G918" s="30">
        <v>1057</v>
      </c>
      <c r="I918" s="4"/>
      <c r="J918" s="4"/>
      <c r="K918" s="4"/>
      <c r="L918" s="4"/>
    </row>
    <row r="919" spans="1:12" ht="14.25" customHeight="1" x14ac:dyDescent="0.25">
      <c r="A919" s="26" t="s">
        <v>1449</v>
      </c>
      <c r="B919" s="55" t="s">
        <v>2889</v>
      </c>
      <c r="C919" s="47"/>
      <c r="D919" s="26" t="s">
        <v>1876</v>
      </c>
      <c r="E919" s="26" t="s">
        <v>2890</v>
      </c>
      <c r="F919" s="33">
        <v>45126</v>
      </c>
      <c r="G919" s="30">
        <v>1058</v>
      </c>
      <c r="I919" s="4"/>
      <c r="J919" s="4"/>
      <c r="K919" s="4"/>
      <c r="L919" s="4"/>
    </row>
    <row r="920" spans="1:12" ht="14.25" customHeight="1" x14ac:dyDescent="0.25">
      <c r="A920" s="26" t="s">
        <v>2891</v>
      </c>
      <c r="B920" s="55" t="s">
        <v>91</v>
      </c>
      <c r="C920" s="47"/>
      <c r="D920" s="26"/>
      <c r="E920" s="26"/>
      <c r="F920" s="29">
        <v>45135</v>
      </c>
      <c r="G920" s="30">
        <v>1059</v>
      </c>
      <c r="H920" s="4"/>
      <c r="I920" s="4"/>
      <c r="J920" s="4"/>
      <c r="K920" s="4"/>
      <c r="L920" s="4"/>
    </row>
    <row r="921" spans="1:12" ht="14.25" customHeight="1" x14ac:dyDescent="0.25">
      <c r="A921" s="26" t="s">
        <v>2292</v>
      </c>
      <c r="B921" s="55" t="s">
        <v>2892</v>
      </c>
      <c r="C921" s="47" t="s">
        <v>1879</v>
      </c>
      <c r="D921" s="26"/>
      <c r="E921" s="26"/>
      <c r="F921" s="29">
        <v>45135</v>
      </c>
      <c r="G921" s="30">
        <v>1060</v>
      </c>
      <c r="I921" s="4"/>
      <c r="J921" s="4"/>
      <c r="K921" s="4"/>
      <c r="L921" s="4"/>
    </row>
    <row r="922" spans="1:12" ht="14.25" customHeight="1" x14ac:dyDescent="0.25">
      <c r="A922" s="26" t="s">
        <v>2893</v>
      </c>
      <c r="B922" s="55" t="s">
        <v>2894</v>
      </c>
      <c r="C922" s="47" t="s">
        <v>1297</v>
      </c>
      <c r="D922" s="26"/>
      <c r="E922" s="26"/>
      <c r="F922" s="29">
        <v>45148</v>
      </c>
      <c r="G922" s="30">
        <v>1061</v>
      </c>
      <c r="I922" s="4"/>
      <c r="J922" s="4"/>
      <c r="K922" s="4"/>
      <c r="L922" s="4"/>
    </row>
    <row r="923" spans="1:12" ht="14.25" customHeight="1" x14ac:dyDescent="0.25">
      <c r="A923" s="26" t="s">
        <v>2895</v>
      </c>
      <c r="B923" s="55" t="s">
        <v>2119</v>
      </c>
      <c r="C923" s="47" t="s">
        <v>1760</v>
      </c>
      <c r="D923" s="26"/>
      <c r="E923" s="26"/>
      <c r="F923" s="29">
        <v>45148</v>
      </c>
      <c r="G923" s="30">
        <v>1062</v>
      </c>
      <c r="I923" s="4"/>
      <c r="J923" s="4"/>
      <c r="K923" s="4"/>
      <c r="L923" s="4"/>
    </row>
    <row r="924" spans="1:12" ht="14.25" customHeight="1" x14ac:dyDescent="0.25">
      <c r="A924" s="26" t="s">
        <v>103</v>
      </c>
      <c r="B924" s="55" t="s">
        <v>1675</v>
      </c>
      <c r="C924" s="47" t="s">
        <v>2896</v>
      </c>
      <c r="D924" s="26"/>
      <c r="E924" s="26"/>
      <c r="F924" s="29">
        <v>45148</v>
      </c>
      <c r="G924" s="30">
        <v>1063</v>
      </c>
      <c r="H924" s="4"/>
      <c r="I924" s="4"/>
      <c r="J924" s="4"/>
      <c r="K924" s="4"/>
      <c r="L924" s="4"/>
    </row>
    <row r="925" spans="1:12" ht="14.25" customHeight="1" x14ac:dyDescent="0.25">
      <c r="A925" s="26" t="s">
        <v>1885</v>
      </c>
      <c r="B925" s="55" t="s">
        <v>1116</v>
      </c>
      <c r="C925" s="47" t="s">
        <v>2897</v>
      </c>
      <c r="D925" s="26"/>
      <c r="E925" s="26"/>
      <c r="F925" s="29">
        <v>45163</v>
      </c>
      <c r="G925" s="30">
        <v>1064</v>
      </c>
      <c r="I925" s="4"/>
      <c r="J925" s="4"/>
      <c r="K925" s="4"/>
      <c r="L925" s="4"/>
    </row>
    <row r="926" spans="1:12" ht="14.25" customHeight="1" x14ac:dyDescent="0.25">
      <c r="A926" s="26" t="s">
        <v>32</v>
      </c>
      <c r="B926" s="55" t="s">
        <v>425</v>
      </c>
      <c r="C926" s="47"/>
      <c r="D926" s="26" t="s">
        <v>2898</v>
      </c>
      <c r="E926" s="26" t="s">
        <v>2501</v>
      </c>
      <c r="F926" s="29">
        <v>45163</v>
      </c>
      <c r="G926" s="30">
        <v>1065</v>
      </c>
      <c r="I926" s="4"/>
      <c r="J926" s="4"/>
      <c r="K926" s="4"/>
      <c r="L926" s="4"/>
    </row>
    <row r="927" spans="1:12" ht="14.25" customHeight="1" x14ac:dyDescent="0.25">
      <c r="A927" s="26" t="s">
        <v>796</v>
      </c>
      <c r="B927" s="55" t="s">
        <v>2899</v>
      </c>
      <c r="C927" s="47" t="s">
        <v>2900</v>
      </c>
      <c r="D927" s="26" t="s">
        <v>2710</v>
      </c>
      <c r="E927" s="26" t="s">
        <v>3016</v>
      </c>
      <c r="F927" s="29">
        <v>45167</v>
      </c>
      <c r="G927" s="30">
        <v>1066</v>
      </c>
      <c r="I927" s="4"/>
      <c r="J927" s="4"/>
      <c r="K927" s="4"/>
      <c r="L927" s="4"/>
    </row>
    <row r="928" spans="1:12" ht="14.25" customHeight="1" x14ac:dyDescent="0.25">
      <c r="A928" s="26" t="s">
        <v>1795</v>
      </c>
      <c r="B928" s="55" t="s">
        <v>301</v>
      </c>
      <c r="C928" s="47"/>
      <c r="D928" s="26"/>
      <c r="E928" s="26"/>
      <c r="F928" s="29">
        <v>45177</v>
      </c>
      <c r="G928" s="30">
        <v>1067</v>
      </c>
      <c r="I928" s="4"/>
      <c r="J928" s="4"/>
      <c r="K928" s="4"/>
      <c r="L928" s="4"/>
    </row>
    <row r="929" spans="1:12" ht="14.25" customHeight="1" x14ac:dyDescent="0.25">
      <c r="A929" s="26" t="s">
        <v>2633</v>
      </c>
      <c r="B929" s="55" t="s">
        <v>702</v>
      </c>
      <c r="C929" s="47" t="s">
        <v>2901</v>
      </c>
      <c r="D929" s="26"/>
      <c r="E929" s="26"/>
      <c r="F929" s="29">
        <v>45180</v>
      </c>
      <c r="G929" s="30">
        <v>1068</v>
      </c>
      <c r="H929" s="4"/>
      <c r="I929" s="4"/>
      <c r="J929" s="4"/>
      <c r="K929" s="4"/>
      <c r="L929" s="4"/>
    </row>
    <row r="930" spans="1:12" ht="14.25" customHeight="1" x14ac:dyDescent="0.25">
      <c r="A930" s="26" t="s">
        <v>2746</v>
      </c>
      <c r="B930" s="55" t="s">
        <v>2902</v>
      </c>
      <c r="C930" s="47"/>
      <c r="D930" s="26"/>
      <c r="E930" s="26"/>
      <c r="F930" s="29">
        <v>45177</v>
      </c>
      <c r="G930" s="30">
        <v>1069</v>
      </c>
      <c r="H930" s="4"/>
      <c r="I930" s="4"/>
      <c r="J930" s="4"/>
      <c r="K930" s="4"/>
      <c r="L930" s="4"/>
    </row>
    <row r="931" spans="1:12" ht="14.25" customHeight="1" x14ac:dyDescent="0.25">
      <c r="A931" s="26" t="s">
        <v>1797</v>
      </c>
      <c r="B931" s="55" t="s">
        <v>1822</v>
      </c>
      <c r="C931" s="47"/>
      <c r="D931" s="26"/>
      <c r="E931" s="26"/>
      <c r="F931" s="29">
        <v>45183</v>
      </c>
      <c r="G931" s="30">
        <v>1070</v>
      </c>
      <c r="I931" s="4"/>
      <c r="J931" s="4"/>
      <c r="K931" s="4"/>
      <c r="L931" s="4"/>
    </row>
    <row r="932" spans="1:12" ht="14.25" customHeight="1" x14ac:dyDescent="0.25">
      <c r="A932" s="12" t="s">
        <v>1920</v>
      </c>
      <c r="B932" s="52" t="s">
        <v>498</v>
      </c>
      <c r="C932" s="45" t="s">
        <v>1302</v>
      </c>
      <c r="D932" s="12" t="s">
        <v>2904</v>
      </c>
      <c r="E932" s="12" t="s">
        <v>498</v>
      </c>
      <c r="F932" s="16">
        <v>45176</v>
      </c>
      <c r="G932" s="14">
        <v>1071</v>
      </c>
      <c r="I932" s="4"/>
      <c r="J932" s="4"/>
      <c r="K932" s="4"/>
      <c r="L932" s="4"/>
    </row>
    <row r="933" spans="1:12" ht="14.25" customHeight="1" x14ac:dyDescent="0.25">
      <c r="A933" s="26" t="s">
        <v>2977</v>
      </c>
      <c r="B933" s="55" t="s">
        <v>2905</v>
      </c>
      <c r="C933" s="47"/>
      <c r="D933" s="26" t="s">
        <v>688</v>
      </c>
      <c r="E933" s="26" t="s">
        <v>2905</v>
      </c>
      <c r="F933" s="29">
        <v>45184</v>
      </c>
      <c r="G933" s="30">
        <v>1072</v>
      </c>
      <c r="I933" s="4"/>
      <c r="J933" s="4"/>
      <c r="K933" s="4"/>
      <c r="L933" s="4"/>
    </row>
    <row r="934" spans="1:12" ht="14.25" customHeight="1" x14ac:dyDescent="0.25">
      <c r="A934" s="26" t="s">
        <v>2978</v>
      </c>
      <c r="B934" s="55" t="s">
        <v>1244</v>
      </c>
      <c r="C934" s="47"/>
      <c r="D934" s="26" t="s">
        <v>688</v>
      </c>
      <c r="E934" s="26" t="s">
        <v>2905</v>
      </c>
      <c r="F934" s="29">
        <v>45184</v>
      </c>
      <c r="G934" s="30">
        <v>1073</v>
      </c>
      <c r="I934" s="4"/>
      <c r="J934" s="4"/>
      <c r="K934" s="4"/>
      <c r="L934" s="4"/>
    </row>
    <row r="935" spans="1:12" ht="14.25" customHeight="1" x14ac:dyDescent="0.25">
      <c r="A935" s="26" t="s">
        <v>2979</v>
      </c>
      <c r="B935" s="55" t="s">
        <v>546</v>
      </c>
      <c r="C935" s="47"/>
      <c r="D935" s="26" t="s">
        <v>688</v>
      </c>
      <c r="E935" s="26" t="s">
        <v>2905</v>
      </c>
      <c r="F935" s="29">
        <v>45184</v>
      </c>
      <c r="G935" s="30">
        <v>1074</v>
      </c>
      <c r="I935" s="4"/>
      <c r="J935" s="4"/>
      <c r="K935" s="4"/>
      <c r="L935" s="4"/>
    </row>
    <row r="936" spans="1:12" ht="14.25" customHeight="1" x14ac:dyDescent="0.25">
      <c r="A936" s="26" t="s">
        <v>2908</v>
      </c>
      <c r="B936" s="55" t="s">
        <v>860</v>
      </c>
      <c r="C936" s="47" t="s">
        <v>2906</v>
      </c>
      <c r="D936" s="26"/>
      <c r="E936" s="26"/>
      <c r="F936" s="29">
        <v>45191</v>
      </c>
      <c r="G936" s="30">
        <v>1075</v>
      </c>
      <c r="H936" s="4"/>
      <c r="I936" s="4"/>
      <c r="J936" s="4"/>
      <c r="K936" s="4"/>
      <c r="L936" s="4"/>
    </row>
    <row r="937" spans="1:12" ht="14.25" customHeight="1" x14ac:dyDescent="0.25">
      <c r="A937" s="26" t="s">
        <v>827</v>
      </c>
      <c r="B937" s="55" t="s">
        <v>2914</v>
      </c>
      <c r="C937" s="47"/>
      <c r="D937" s="26"/>
      <c r="E937" s="26"/>
      <c r="F937" s="29">
        <v>45198</v>
      </c>
      <c r="G937" s="30">
        <v>1076</v>
      </c>
      <c r="I937" s="4"/>
      <c r="J937" s="4"/>
      <c r="K937" s="4"/>
      <c r="L937" s="4"/>
    </row>
    <row r="938" spans="1:12" ht="14.25" customHeight="1" x14ac:dyDescent="0.25">
      <c r="A938" s="26" t="s">
        <v>695</v>
      </c>
      <c r="B938" s="55" t="s">
        <v>88</v>
      </c>
      <c r="C938" s="47"/>
      <c r="D938" s="26" t="s">
        <v>2911</v>
      </c>
      <c r="E938" s="26" t="s">
        <v>88</v>
      </c>
      <c r="F938" s="29">
        <v>45225</v>
      </c>
      <c r="G938" s="30">
        <v>1077</v>
      </c>
      <c r="I938" s="4"/>
      <c r="J938" s="4"/>
      <c r="K938" s="4"/>
      <c r="L938" s="4"/>
    </row>
    <row r="939" spans="1:12" ht="14.25" customHeight="1" x14ac:dyDescent="0.25">
      <c r="A939" s="26" t="s">
        <v>2909</v>
      </c>
      <c r="B939" s="55" t="s">
        <v>1157</v>
      </c>
      <c r="C939" s="47" t="s">
        <v>2912</v>
      </c>
      <c r="D939" s="26"/>
      <c r="E939" s="26"/>
      <c r="F939" s="29">
        <v>45225</v>
      </c>
      <c r="G939" s="30">
        <v>1078</v>
      </c>
      <c r="I939" s="4"/>
      <c r="J939" s="4"/>
      <c r="K939" s="4"/>
      <c r="L939" s="4"/>
    </row>
    <row r="940" spans="1:12" ht="14.25" customHeight="1" x14ac:dyDescent="0.25">
      <c r="A940" s="26" t="s">
        <v>1274</v>
      </c>
      <c r="B940" s="55" t="s">
        <v>1179</v>
      </c>
      <c r="C940" s="47"/>
      <c r="D940" s="26"/>
      <c r="E940" s="26"/>
      <c r="F940" s="29">
        <v>45232</v>
      </c>
      <c r="G940" s="30">
        <v>1079</v>
      </c>
      <c r="I940" s="4"/>
      <c r="J940" s="4"/>
      <c r="K940" s="4"/>
      <c r="L940" s="4"/>
    </row>
    <row r="941" spans="1:12" ht="14.25" customHeight="1" x14ac:dyDescent="0.25">
      <c r="A941" s="26" t="s">
        <v>2913</v>
      </c>
      <c r="B941" s="55" t="s">
        <v>1385</v>
      </c>
      <c r="C941" s="47"/>
      <c r="D941" s="26"/>
      <c r="E941" s="26"/>
      <c r="F941" s="29">
        <v>45240</v>
      </c>
      <c r="G941" s="30">
        <v>1080</v>
      </c>
      <c r="I941" s="4"/>
      <c r="J941" s="4"/>
      <c r="K941" s="4"/>
      <c r="L941" s="4"/>
    </row>
    <row r="942" spans="1:12" ht="14.25" customHeight="1" x14ac:dyDescent="0.25">
      <c r="A942" s="26" t="s">
        <v>1030</v>
      </c>
      <c r="B942" s="55" t="s">
        <v>284</v>
      </c>
      <c r="C942" s="47"/>
      <c r="D942" s="26"/>
      <c r="E942" s="26"/>
      <c r="F942" s="29">
        <v>45226</v>
      </c>
      <c r="G942" s="30">
        <v>1081</v>
      </c>
      <c r="H942" s="4"/>
      <c r="I942" s="4"/>
      <c r="J942" s="4"/>
      <c r="K942" s="4"/>
      <c r="L942" s="4"/>
    </row>
    <row r="943" spans="1:12" ht="14.25" customHeight="1" x14ac:dyDescent="0.25">
      <c r="A943" s="26" t="s">
        <v>1607</v>
      </c>
      <c r="B943" s="55" t="s">
        <v>2915</v>
      </c>
      <c r="C943" s="47"/>
      <c r="D943" s="26" t="s">
        <v>237</v>
      </c>
      <c r="E943" s="26" t="s">
        <v>2916</v>
      </c>
      <c r="F943" s="29">
        <v>45251</v>
      </c>
      <c r="G943" s="30">
        <v>1082</v>
      </c>
      <c r="I943" s="4"/>
      <c r="J943" s="4"/>
      <c r="K943" s="4"/>
      <c r="L943" s="4"/>
    </row>
    <row r="944" spans="1:12" ht="14.25" customHeight="1" x14ac:dyDescent="0.25">
      <c r="A944" s="26" t="s">
        <v>2917</v>
      </c>
      <c r="B944" s="55" t="s">
        <v>2918</v>
      </c>
      <c r="C944" s="47"/>
      <c r="D944" s="26"/>
      <c r="E944" s="26"/>
      <c r="F944" s="29">
        <v>45260</v>
      </c>
      <c r="G944" s="30">
        <v>1084</v>
      </c>
      <c r="H944" s="4"/>
      <c r="I944" s="4"/>
      <c r="J944" s="4"/>
      <c r="K944" s="4"/>
      <c r="L944" s="4"/>
    </row>
    <row r="945" spans="1:12" ht="14.25" customHeight="1" x14ac:dyDescent="0.25">
      <c r="A945" s="26" t="s">
        <v>336</v>
      </c>
      <c r="B945" s="55" t="s">
        <v>2919</v>
      </c>
      <c r="C945" s="47" t="s">
        <v>1794</v>
      </c>
      <c r="D945" s="26" t="s">
        <v>2738</v>
      </c>
      <c r="E945" s="26" t="s">
        <v>300</v>
      </c>
      <c r="F945" s="29">
        <v>45261</v>
      </c>
      <c r="G945" s="30">
        <v>1085</v>
      </c>
      <c r="I945" s="4"/>
      <c r="J945" s="4"/>
      <c r="K945" s="4"/>
      <c r="L945" s="4"/>
    </row>
    <row r="946" spans="1:12" ht="14.25" customHeight="1" x14ac:dyDescent="0.25">
      <c r="A946" s="26" t="s">
        <v>608</v>
      </c>
      <c r="B946" s="55" t="s">
        <v>2920</v>
      </c>
      <c r="C946" s="47"/>
      <c r="D946" s="26"/>
      <c r="E946" s="26"/>
      <c r="F946" s="29">
        <v>45261</v>
      </c>
      <c r="G946" s="30">
        <v>1086</v>
      </c>
      <c r="I946" s="4"/>
      <c r="J946" s="4"/>
      <c r="K946" s="4"/>
      <c r="L946" s="4"/>
    </row>
    <row r="947" spans="1:12" ht="14.25" customHeight="1" x14ac:dyDescent="0.25">
      <c r="A947" s="26" t="s">
        <v>2924</v>
      </c>
      <c r="B947" s="55" t="s">
        <v>2431</v>
      </c>
      <c r="C947" s="47"/>
      <c r="D947" s="26"/>
      <c r="E947" s="26"/>
      <c r="F947" s="29">
        <v>45281</v>
      </c>
      <c r="G947" s="30">
        <v>1087</v>
      </c>
      <c r="H947" s="4"/>
      <c r="I947" s="4"/>
      <c r="J947" s="4"/>
      <c r="K947" s="4"/>
      <c r="L947" s="4"/>
    </row>
    <row r="948" spans="1:12" ht="14.25" customHeight="1" x14ac:dyDescent="0.25">
      <c r="A948" s="26" t="s">
        <v>387</v>
      </c>
      <c r="B948" s="55" t="s">
        <v>2922</v>
      </c>
      <c r="C948" s="47"/>
      <c r="D948" s="26"/>
      <c r="E948" s="26"/>
      <c r="F948" s="29">
        <v>45288</v>
      </c>
      <c r="G948" s="30">
        <v>1089</v>
      </c>
      <c r="I948" s="4"/>
      <c r="J948" s="4"/>
      <c r="K948" s="4"/>
      <c r="L948" s="4"/>
    </row>
    <row r="949" spans="1:12" ht="14.25" customHeight="1" x14ac:dyDescent="0.25">
      <c r="A949" s="26" t="s">
        <v>558</v>
      </c>
      <c r="B949" s="55" t="s">
        <v>975</v>
      </c>
      <c r="C949" s="47" t="s">
        <v>2923</v>
      </c>
      <c r="D949" s="26"/>
      <c r="E949" s="26"/>
      <c r="F949" s="29">
        <v>45288</v>
      </c>
      <c r="G949" s="30">
        <v>1090</v>
      </c>
      <c r="I949" s="4"/>
      <c r="J949" s="4"/>
      <c r="K949" s="4"/>
      <c r="L949" s="4"/>
    </row>
    <row r="950" spans="1:12" ht="14.25" customHeight="1" x14ac:dyDescent="0.25">
      <c r="A950" s="26" t="s">
        <v>1011</v>
      </c>
      <c r="B950" s="55" t="s">
        <v>647</v>
      </c>
      <c r="C950" s="47"/>
      <c r="D950" s="26"/>
      <c r="E950" s="26"/>
      <c r="F950" s="24">
        <v>45316</v>
      </c>
      <c r="G950" s="30">
        <v>1091</v>
      </c>
      <c r="H950" s="3"/>
      <c r="I950" s="4"/>
      <c r="J950" s="4"/>
      <c r="K950" s="4"/>
      <c r="L950" s="4"/>
    </row>
    <row r="951" spans="1:12" ht="14.25" customHeight="1" x14ac:dyDescent="0.25">
      <c r="A951" s="26" t="s">
        <v>2009</v>
      </c>
      <c r="B951" s="55" t="s">
        <v>119</v>
      </c>
      <c r="C951" s="47"/>
      <c r="D951" s="26"/>
      <c r="E951" s="26"/>
      <c r="F951" s="24">
        <v>45337</v>
      </c>
      <c r="G951" s="30">
        <v>1092</v>
      </c>
      <c r="H951" s="3"/>
      <c r="I951" s="4"/>
      <c r="J951" s="4"/>
      <c r="K951" s="4"/>
      <c r="L951" s="4"/>
    </row>
    <row r="952" spans="1:12" ht="14.25" customHeight="1" x14ac:dyDescent="0.25">
      <c r="A952" s="26" t="s">
        <v>2929</v>
      </c>
      <c r="B952" s="55" t="s">
        <v>586</v>
      </c>
      <c r="C952" s="47"/>
      <c r="D952" s="26" t="s">
        <v>2925</v>
      </c>
      <c r="E952" s="26" t="s">
        <v>2926</v>
      </c>
      <c r="F952" s="24">
        <v>45351</v>
      </c>
      <c r="G952" s="34">
        <v>1093</v>
      </c>
      <c r="H952" s="3"/>
      <c r="I952" s="4"/>
      <c r="J952" s="4"/>
      <c r="K952" s="4"/>
      <c r="L952" s="4"/>
    </row>
    <row r="953" spans="1:12" ht="14.25" customHeight="1" x14ac:dyDescent="0.25">
      <c r="A953" s="26" t="s">
        <v>2927</v>
      </c>
      <c r="B953" s="55" t="s">
        <v>62</v>
      </c>
      <c r="C953" s="47" t="s">
        <v>2928</v>
      </c>
      <c r="D953" s="26"/>
      <c r="E953" s="26"/>
      <c r="F953" s="24">
        <v>45352</v>
      </c>
      <c r="G953" s="34">
        <v>1094</v>
      </c>
      <c r="H953" s="3"/>
      <c r="I953" s="4"/>
      <c r="J953" s="4"/>
      <c r="K953" s="4"/>
      <c r="L953" s="4"/>
    </row>
    <row r="954" spans="1:12" ht="14.25" customHeight="1" x14ac:dyDescent="0.25">
      <c r="A954" s="26" t="s">
        <v>2933</v>
      </c>
      <c r="B954" s="55" t="s">
        <v>2930</v>
      </c>
      <c r="C954" s="47" t="s">
        <v>2931</v>
      </c>
      <c r="D954" s="26"/>
      <c r="E954" s="26"/>
      <c r="F954" s="24">
        <v>45364</v>
      </c>
      <c r="G954" s="34">
        <v>1095</v>
      </c>
      <c r="H954" s="3"/>
      <c r="I954" s="4"/>
      <c r="J954" s="4"/>
      <c r="K954" s="4"/>
      <c r="L954" s="4"/>
    </row>
    <row r="955" spans="1:12" ht="14.25" customHeight="1" x14ac:dyDescent="0.25">
      <c r="A955" s="26" t="s">
        <v>1613</v>
      </c>
      <c r="B955" s="55" t="s">
        <v>1933</v>
      </c>
      <c r="C955" s="47"/>
      <c r="D955" s="26"/>
      <c r="E955" s="26"/>
      <c r="F955" s="24">
        <v>45364</v>
      </c>
      <c r="G955" s="34">
        <v>1096</v>
      </c>
      <c r="H955" s="3"/>
      <c r="I955" s="4"/>
      <c r="J955" s="4"/>
      <c r="K955" s="4"/>
      <c r="L955" s="4"/>
    </row>
    <row r="956" spans="1:12" ht="14.25" customHeight="1" x14ac:dyDescent="0.25">
      <c r="A956" s="26" t="s">
        <v>1781</v>
      </c>
      <c r="B956" s="55" t="s">
        <v>718</v>
      </c>
      <c r="C956" s="47"/>
      <c r="D956" s="26"/>
      <c r="E956" s="26"/>
      <c r="F956" s="24">
        <v>45366</v>
      </c>
      <c r="G956" s="34">
        <v>1097</v>
      </c>
      <c r="H956" s="3"/>
      <c r="L956" s="4"/>
    </row>
    <row r="957" spans="1:12" ht="14.25" customHeight="1" x14ac:dyDescent="0.25">
      <c r="A957" s="26" t="s">
        <v>1740</v>
      </c>
      <c r="B957" s="55" t="s">
        <v>2936</v>
      </c>
      <c r="C957" s="47" t="s">
        <v>1555</v>
      </c>
      <c r="D957" s="26"/>
      <c r="E957" s="26"/>
      <c r="F957" s="24">
        <v>45405</v>
      </c>
      <c r="G957" s="34">
        <v>1099</v>
      </c>
      <c r="H957" s="3"/>
      <c r="L957" s="4"/>
    </row>
    <row r="958" spans="1:12" ht="14.25" customHeight="1" x14ac:dyDescent="0.25">
      <c r="A958" s="26" t="s">
        <v>2858</v>
      </c>
      <c r="B958" s="55" t="s">
        <v>2741</v>
      </c>
      <c r="C958" s="47" t="s">
        <v>907</v>
      </c>
      <c r="D958" s="26"/>
      <c r="E958" s="26"/>
      <c r="F958" s="24">
        <v>45412</v>
      </c>
      <c r="G958" s="34">
        <v>1100</v>
      </c>
      <c r="H958" s="3"/>
      <c r="L958" s="4"/>
    </row>
    <row r="959" spans="1:12" ht="14.25" customHeight="1" x14ac:dyDescent="0.25">
      <c r="A959" s="26" t="s">
        <v>1862</v>
      </c>
      <c r="B959" s="55" t="s">
        <v>1454</v>
      </c>
      <c r="C959" s="47"/>
      <c r="D959" s="26"/>
      <c r="E959" s="26"/>
      <c r="F959" s="24">
        <v>45414</v>
      </c>
      <c r="G959" s="34">
        <v>1101</v>
      </c>
      <c r="H959" s="3"/>
      <c r="L959" s="4"/>
    </row>
    <row r="960" spans="1:12" ht="14.25" customHeight="1" x14ac:dyDescent="0.25">
      <c r="A960" s="26" t="s">
        <v>2939</v>
      </c>
      <c r="B960" s="55" t="s">
        <v>2940</v>
      </c>
      <c r="C960" s="47"/>
      <c r="D960" s="26"/>
      <c r="E960" s="26"/>
      <c r="F960" s="24">
        <v>45422</v>
      </c>
      <c r="G960" s="34">
        <v>1102</v>
      </c>
      <c r="H960" s="3"/>
      <c r="L960" s="4"/>
    </row>
    <row r="961" spans="1:12" ht="14.25" customHeight="1" x14ac:dyDescent="0.25">
      <c r="A961" s="26" t="s">
        <v>2256</v>
      </c>
      <c r="B961" s="55" t="s">
        <v>127</v>
      </c>
      <c r="C961" s="47"/>
      <c r="D961" s="26"/>
      <c r="E961" s="26"/>
      <c r="F961" s="24">
        <v>45427</v>
      </c>
      <c r="G961" s="34">
        <v>1104</v>
      </c>
      <c r="H961" s="3"/>
      <c r="L961" s="4"/>
    </row>
    <row r="962" spans="1:12" ht="14.25" customHeight="1" x14ac:dyDescent="0.25">
      <c r="A962" s="26" t="s">
        <v>2941</v>
      </c>
      <c r="B962" s="55" t="s">
        <v>2942</v>
      </c>
      <c r="C962" s="47" t="s">
        <v>2943</v>
      </c>
      <c r="D962" s="26"/>
      <c r="E962" s="26"/>
      <c r="F962" s="24">
        <v>45429</v>
      </c>
      <c r="G962" s="34">
        <v>1105</v>
      </c>
      <c r="H962" s="3"/>
      <c r="L962" s="4"/>
    </row>
    <row r="963" spans="1:12" ht="14.25" customHeight="1" x14ac:dyDescent="0.25">
      <c r="A963" s="26" t="s">
        <v>616</v>
      </c>
      <c r="B963" s="55" t="s">
        <v>2646</v>
      </c>
      <c r="C963" s="47"/>
      <c r="D963" s="26" t="s">
        <v>2944</v>
      </c>
      <c r="E963" s="26" t="s">
        <v>2646</v>
      </c>
      <c r="F963" s="24">
        <v>45439</v>
      </c>
      <c r="G963" s="34">
        <v>1106</v>
      </c>
      <c r="H963" s="3"/>
      <c r="L963" s="4"/>
    </row>
    <row r="964" spans="1:12" ht="14.25" customHeight="1" x14ac:dyDescent="0.25">
      <c r="A964" s="26" t="s">
        <v>294</v>
      </c>
      <c r="B964" s="55" t="s">
        <v>1996</v>
      </c>
      <c r="C964" s="47" t="s">
        <v>2029</v>
      </c>
      <c r="D964" s="26"/>
      <c r="E964" s="26"/>
      <c r="F964" s="24">
        <v>45441</v>
      </c>
      <c r="G964" s="34">
        <v>1107</v>
      </c>
      <c r="H964" s="3"/>
      <c r="L964" s="4"/>
    </row>
    <row r="965" spans="1:12" ht="14.25" customHeight="1" x14ac:dyDescent="0.25">
      <c r="A965" s="26" t="s">
        <v>48</v>
      </c>
      <c r="B965" s="55" t="s">
        <v>2945</v>
      </c>
      <c r="C965" s="47" t="s">
        <v>329</v>
      </c>
      <c r="D965" s="26" t="s">
        <v>2935</v>
      </c>
      <c r="E965" s="26" t="s">
        <v>2946</v>
      </c>
      <c r="F965" s="24">
        <v>45442</v>
      </c>
      <c r="G965" s="34">
        <v>1108</v>
      </c>
      <c r="H965" s="3"/>
      <c r="L965" s="4"/>
    </row>
    <row r="966" spans="1:12" ht="14.25" customHeight="1" x14ac:dyDescent="0.25">
      <c r="A966" s="26" t="s">
        <v>2440</v>
      </c>
      <c r="B966" s="55" t="s">
        <v>555</v>
      </c>
      <c r="C966" s="47"/>
      <c r="D966" s="26" t="s">
        <v>2948</v>
      </c>
      <c r="E966" s="26" t="s">
        <v>871</v>
      </c>
      <c r="F966" s="24">
        <v>45455</v>
      </c>
      <c r="G966" s="34">
        <v>1109</v>
      </c>
      <c r="H966" s="3"/>
      <c r="L966" s="4"/>
    </row>
    <row r="967" spans="1:12" ht="14.25" customHeight="1" x14ac:dyDescent="0.25">
      <c r="A967" s="26" t="s">
        <v>641</v>
      </c>
      <c r="B967" s="55" t="s">
        <v>224</v>
      </c>
      <c r="C967" s="47" t="s">
        <v>1215</v>
      </c>
      <c r="D967" s="26" t="s">
        <v>2950</v>
      </c>
      <c r="E967" s="26" t="s">
        <v>2951</v>
      </c>
      <c r="F967" s="24">
        <v>45460</v>
      </c>
      <c r="G967" s="34">
        <v>1110</v>
      </c>
      <c r="H967" s="3"/>
      <c r="L967" s="4"/>
    </row>
    <row r="968" spans="1:12" ht="14.25" customHeight="1" x14ac:dyDescent="0.25">
      <c r="A968" s="26" t="s">
        <v>2952</v>
      </c>
      <c r="B968" s="55" t="s">
        <v>1803</v>
      </c>
      <c r="C968" s="47" t="s">
        <v>2860</v>
      </c>
      <c r="D968" s="26" t="s">
        <v>2487</v>
      </c>
      <c r="E968" s="26" t="s">
        <v>2311</v>
      </c>
      <c r="F968" s="24">
        <v>45469</v>
      </c>
      <c r="G968" s="34">
        <v>1111</v>
      </c>
      <c r="H968" s="3"/>
      <c r="L968" s="4"/>
    </row>
    <row r="969" spans="1:12" ht="14.25" customHeight="1" x14ac:dyDescent="0.25">
      <c r="A969" s="26" t="s">
        <v>1967</v>
      </c>
      <c r="B969" s="55" t="s">
        <v>949</v>
      </c>
      <c r="C969" s="47" t="s">
        <v>2953</v>
      </c>
      <c r="D969" s="26"/>
      <c r="E969" s="26"/>
      <c r="F969" s="24">
        <v>45478</v>
      </c>
      <c r="G969" s="34">
        <v>1112</v>
      </c>
      <c r="H969" s="3"/>
      <c r="L969" s="4"/>
    </row>
    <row r="970" spans="1:12" ht="14.25" customHeight="1" x14ac:dyDescent="0.25">
      <c r="A970" s="26" t="s">
        <v>2954</v>
      </c>
      <c r="B970" s="55" t="s">
        <v>2955</v>
      </c>
      <c r="C970" s="47"/>
      <c r="D970" s="26"/>
      <c r="E970" s="26"/>
      <c r="F970" s="24">
        <v>45484</v>
      </c>
      <c r="G970" s="34">
        <v>1113</v>
      </c>
      <c r="H970" s="3"/>
      <c r="L970" s="4"/>
    </row>
    <row r="971" spans="1:12" ht="14.25" customHeight="1" x14ac:dyDescent="0.25">
      <c r="A971" s="26" t="s">
        <v>2956</v>
      </c>
      <c r="B971" s="55" t="s">
        <v>332</v>
      </c>
      <c r="C971" s="47" t="s">
        <v>372</v>
      </c>
      <c r="D971" s="26"/>
      <c r="E971" s="26"/>
      <c r="F971" s="24">
        <v>45496</v>
      </c>
      <c r="G971" s="34">
        <v>1114</v>
      </c>
      <c r="H971" s="3"/>
      <c r="L971" s="4"/>
    </row>
    <row r="972" spans="1:12" ht="14.25" customHeight="1" x14ac:dyDescent="0.25">
      <c r="A972" s="26" t="s">
        <v>2011</v>
      </c>
      <c r="B972" s="55" t="s">
        <v>2957</v>
      </c>
      <c r="C972" s="47" t="s">
        <v>2004</v>
      </c>
      <c r="D972" s="26"/>
      <c r="E972" s="26"/>
      <c r="F972" s="24">
        <v>45499</v>
      </c>
      <c r="G972" s="34">
        <v>1115</v>
      </c>
      <c r="H972" s="3"/>
      <c r="L972" s="4"/>
    </row>
    <row r="973" spans="1:12" ht="14.25" customHeight="1" x14ac:dyDescent="0.25">
      <c r="A973" s="26" t="s">
        <v>298</v>
      </c>
      <c r="B973" s="55" t="s">
        <v>1255</v>
      </c>
      <c r="C973" s="47"/>
      <c r="D973" s="26"/>
      <c r="E973" s="26"/>
      <c r="F973" s="24">
        <v>45506</v>
      </c>
      <c r="G973" s="34">
        <v>1116</v>
      </c>
      <c r="H973" s="3"/>
      <c r="L973" s="4"/>
    </row>
    <row r="974" spans="1:12" ht="14.25" customHeight="1" x14ac:dyDescent="0.25">
      <c r="A974" s="26" t="s">
        <v>852</v>
      </c>
      <c r="B974" s="55" t="s">
        <v>670</v>
      </c>
      <c r="C974" s="47" t="s">
        <v>2958</v>
      </c>
      <c r="D974" s="26"/>
      <c r="E974" s="26"/>
      <c r="F974" s="24">
        <v>45511</v>
      </c>
      <c r="G974" s="34">
        <v>1117</v>
      </c>
      <c r="H974" s="3"/>
      <c r="L974" s="4"/>
    </row>
    <row r="975" spans="1:12" ht="14.25" customHeight="1" x14ac:dyDescent="0.25">
      <c r="A975" s="26" t="s">
        <v>223</v>
      </c>
      <c r="B975" s="55" t="s">
        <v>492</v>
      </c>
      <c r="C975" s="47"/>
      <c r="D975" s="26" t="s">
        <v>2904</v>
      </c>
      <c r="E975" s="26" t="s">
        <v>498</v>
      </c>
      <c r="F975" s="24">
        <v>45513</v>
      </c>
      <c r="G975" s="34">
        <v>1118</v>
      </c>
      <c r="H975" s="3"/>
      <c r="L975" s="4"/>
    </row>
    <row r="976" spans="1:12" ht="14.25" customHeight="1" x14ac:dyDescent="0.25">
      <c r="A976" s="26" t="s">
        <v>2507</v>
      </c>
      <c r="B976" s="55" t="s">
        <v>2959</v>
      </c>
      <c r="C976" s="47"/>
      <c r="D976" s="26"/>
      <c r="E976" s="26"/>
      <c r="F976" s="24">
        <v>45530</v>
      </c>
      <c r="G976" s="34">
        <v>1119</v>
      </c>
      <c r="H976" s="3"/>
      <c r="L976" s="4"/>
    </row>
    <row r="977" spans="1:12" ht="14.25" customHeight="1" x14ac:dyDescent="0.25">
      <c r="A977" s="26" t="s">
        <v>2960</v>
      </c>
      <c r="B977" s="55" t="s">
        <v>2961</v>
      </c>
      <c r="C977" s="47"/>
      <c r="D977" s="26" t="s">
        <v>2962</v>
      </c>
      <c r="E977" s="26" t="s">
        <v>2961</v>
      </c>
      <c r="F977" s="24">
        <v>45534</v>
      </c>
      <c r="G977" s="34">
        <v>1120</v>
      </c>
      <c r="H977" s="3"/>
      <c r="L977" s="4"/>
    </row>
    <row r="978" spans="1:12" ht="14.25" customHeight="1" x14ac:dyDescent="0.25">
      <c r="A978" s="26" t="s">
        <v>2963</v>
      </c>
      <c r="B978" s="55" t="s">
        <v>2964</v>
      </c>
      <c r="C978" s="47"/>
      <c r="D978" s="26"/>
      <c r="E978" s="26"/>
      <c r="F978" s="24">
        <v>45538</v>
      </c>
      <c r="G978" s="34">
        <v>1121</v>
      </c>
      <c r="H978" s="3"/>
      <c r="L978" s="4"/>
    </row>
    <row r="979" spans="1:12" ht="14.25" customHeight="1" x14ac:dyDescent="0.25">
      <c r="A979" s="26" t="s">
        <v>687</v>
      </c>
      <c r="B979" s="55" t="s">
        <v>2628</v>
      </c>
      <c r="C979" s="47" t="s">
        <v>2965</v>
      </c>
      <c r="D979" s="26"/>
      <c r="E979" s="26"/>
      <c r="F979" s="24">
        <v>45534</v>
      </c>
      <c r="G979" s="34">
        <v>1122</v>
      </c>
      <c r="H979" s="3"/>
      <c r="L979" s="4"/>
    </row>
    <row r="980" spans="1:12" ht="14.25" customHeight="1" x14ac:dyDescent="0.25">
      <c r="A980" s="26" t="s">
        <v>725</v>
      </c>
      <c r="B980" s="55" t="s">
        <v>1248</v>
      </c>
      <c r="C980" s="47"/>
      <c r="D980" s="26"/>
      <c r="E980" s="26"/>
      <c r="F980" s="24">
        <v>45561</v>
      </c>
      <c r="G980" s="34">
        <v>1123</v>
      </c>
      <c r="H980" s="3"/>
      <c r="L980" s="4"/>
    </row>
    <row r="981" spans="1:12" ht="14.25" customHeight="1" x14ac:dyDescent="0.25">
      <c r="A981" s="26" t="s">
        <v>2966</v>
      </c>
      <c r="B981" s="55" t="s">
        <v>520</v>
      </c>
      <c r="C981" s="47" t="s">
        <v>2967</v>
      </c>
      <c r="D981" s="26" t="s">
        <v>1750</v>
      </c>
      <c r="E981" s="26" t="s">
        <v>998</v>
      </c>
      <c r="F981" s="24">
        <v>45566</v>
      </c>
      <c r="G981" s="34">
        <v>1124</v>
      </c>
      <c r="H981" s="3"/>
      <c r="L981" s="4"/>
    </row>
    <row r="982" spans="1:12" ht="14.25" customHeight="1" x14ac:dyDescent="0.25">
      <c r="A982" s="26" t="s">
        <v>2968</v>
      </c>
      <c r="B982" s="55" t="s">
        <v>2969</v>
      </c>
      <c r="C982" s="47"/>
      <c r="D982" s="26"/>
      <c r="E982" s="26"/>
      <c r="F982" s="24">
        <v>45572</v>
      </c>
      <c r="G982" s="34">
        <v>1125</v>
      </c>
      <c r="H982" s="3"/>
      <c r="L982" s="4"/>
    </row>
    <row r="983" spans="1:12" ht="14.25" customHeight="1" x14ac:dyDescent="0.25">
      <c r="A983" s="26" t="s">
        <v>1082</v>
      </c>
      <c r="B983" s="55" t="s">
        <v>2932</v>
      </c>
      <c r="C983" s="47" t="s">
        <v>832</v>
      </c>
      <c r="D983" s="26"/>
      <c r="E983" s="26"/>
      <c r="F983" s="24">
        <v>45570</v>
      </c>
      <c r="G983" s="34">
        <v>1126</v>
      </c>
      <c r="H983" s="3"/>
      <c r="L983" s="4"/>
    </row>
    <row r="984" spans="1:12" ht="14.25" customHeight="1" x14ac:dyDescent="0.25">
      <c r="A984" s="26" t="s">
        <v>2856</v>
      </c>
      <c r="B984" s="55" t="s">
        <v>2689</v>
      </c>
      <c r="C984" s="47" t="s">
        <v>2660</v>
      </c>
      <c r="D984" s="26"/>
      <c r="E984" s="26"/>
      <c r="F984" s="24">
        <v>45572</v>
      </c>
      <c r="G984" s="34">
        <v>1127</v>
      </c>
      <c r="H984" s="3"/>
      <c r="L984" s="4"/>
    </row>
    <row r="985" spans="1:12" ht="14.25" customHeight="1" x14ac:dyDescent="0.25">
      <c r="A985" s="26" t="s">
        <v>891</v>
      </c>
      <c r="B985" s="55" t="s">
        <v>2970</v>
      </c>
      <c r="C985" s="47"/>
      <c r="D985" s="26"/>
      <c r="E985" s="26"/>
      <c r="F985" s="24">
        <v>45576</v>
      </c>
      <c r="G985" s="34">
        <v>1128</v>
      </c>
      <c r="H985" s="3"/>
      <c r="L985" s="4"/>
    </row>
    <row r="986" spans="1:12" ht="14.25" customHeight="1" x14ac:dyDescent="0.25">
      <c r="A986" s="26" t="s">
        <v>2971</v>
      </c>
      <c r="B986" s="55" t="s">
        <v>2972</v>
      </c>
      <c r="C986" s="47" t="s">
        <v>1081</v>
      </c>
      <c r="D986" s="26" t="s">
        <v>2998</v>
      </c>
      <c r="E986" s="26" t="s">
        <v>604</v>
      </c>
      <c r="F986" s="24">
        <v>45576</v>
      </c>
      <c r="G986" s="34">
        <v>1129</v>
      </c>
      <c r="H986" s="3"/>
      <c r="L986" s="4"/>
    </row>
    <row r="987" spans="1:12" ht="14.25" customHeight="1" x14ac:dyDescent="0.25">
      <c r="A987" s="26" t="s">
        <v>1464</v>
      </c>
      <c r="B987" s="55" t="s">
        <v>1291</v>
      </c>
      <c r="C987" s="47"/>
      <c r="D987" s="26"/>
      <c r="E987" s="26"/>
      <c r="F987" s="24">
        <v>45596</v>
      </c>
      <c r="G987" s="34">
        <v>1130</v>
      </c>
      <c r="H987" s="3"/>
      <c r="L987" s="4"/>
    </row>
    <row r="988" spans="1:12" ht="14.25" customHeight="1" x14ac:dyDescent="0.25">
      <c r="A988" s="26" t="s">
        <v>1462</v>
      </c>
      <c r="B988" s="55" t="s">
        <v>2699</v>
      </c>
      <c r="C988" s="47"/>
      <c r="D988" s="26"/>
      <c r="E988" s="26"/>
      <c r="F988" s="24">
        <v>45604</v>
      </c>
      <c r="G988" s="34">
        <v>1131</v>
      </c>
      <c r="H988" s="3"/>
      <c r="L988" s="4"/>
    </row>
    <row r="989" spans="1:12" ht="14.25" customHeight="1" x14ac:dyDescent="0.25">
      <c r="A989" s="26" t="s">
        <v>2976</v>
      </c>
      <c r="B989" s="55" t="s">
        <v>1940</v>
      </c>
      <c r="C989" s="47"/>
      <c r="D989" s="26"/>
      <c r="E989" s="26"/>
      <c r="F989" s="24">
        <v>45621</v>
      </c>
      <c r="G989" s="34">
        <v>1133</v>
      </c>
    </row>
    <row r="990" spans="1:12" s="1" customFormat="1" ht="14.25" customHeight="1" x14ac:dyDescent="0.25">
      <c r="A990" s="26" t="s">
        <v>2071</v>
      </c>
      <c r="B990" s="55" t="s">
        <v>2980</v>
      </c>
      <c r="C990" s="47" t="s">
        <v>2981</v>
      </c>
      <c r="D990" s="26"/>
      <c r="E990" s="26"/>
      <c r="F990" s="24">
        <v>45665</v>
      </c>
      <c r="G990" s="34">
        <v>1134</v>
      </c>
    </row>
    <row r="991" spans="1:12" ht="14.25" customHeight="1" x14ac:dyDescent="0.25">
      <c r="A991" s="26" t="s">
        <v>471</v>
      </c>
      <c r="B991" s="55" t="s">
        <v>2796</v>
      </c>
      <c r="C991" s="47" t="s">
        <v>1859</v>
      </c>
      <c r="D991" s="26"/>
      <c r="E991" s="26"/>
      <c r="F991" s="24">
        <v>45677</v>
      </c>
      <c r="G991" s="34">
        <v>1135</v>
      </c>
    </row>
    <row r="992" spans="1:12" s="1" customFormat="1" ht="14.25" customHeight="1" x14ac:dyDescent="0.25">
      <c r="A992" s="35" t="s">
        <v>2984</v>
      </c>
      <c r="B992" s="52" t="s">
        <v>1459</v>
      </c>
      <c r="C992" s="45"/>
      <c r="D992" s="35"/>
      <c r="E992" s="12"/>
      <c r="F992" s="23">
        <v>45702</v>
      </c>
      <c r="G992" s="34">
        <v>1137</v>
      </c>
    </row>
    <row r="993" spans="1:8" s="1" customFormat="1" ht="14.25" customHeight="1" x14ac:dyDescent="0.25">
      <c r="A993" s="12" t="s">
        <v>1972</v>
      </c>
      <c r="B993" s="52" t="s">
        <v>2985</v>
      </c>
      <c r="C993" s="45"/>
      <c r="D993" s="12"/>
      <c r="E993" s="12"/>
      <c r="F993" s="36">
        <v>45684</v>
      </c>
      <c r="G993" s="34">
        <v>1138</v>
      </c>
    </row>
    <row r="994" spans="1:8" s="1" customFormat="1" ht="14.25" customHeight="1" x14ac:dyDescent="0.25">
      <c r="A994" s="12" t="s">
        <v>2986</v>
      </c>
      <c r="B994" s="52" t="s">
        <v>2988</v>
      </c>
      <c r="C994" s="45" t="s">
        <v>359</v>
      </c>
      <c r="D994" s="12" t="s">
        <v>2990</v>
      </c>
      <c r="E994" s="12" t="s">
        <v>991</v>
      </c>
      <c r="F994" s="36">
        <v>45688</v>
      </c>
      <c r="G994" s="34">
        <v>1139</v>
      </c>
    </row>
    <row r="995" spans="1:8" s="1" customFormat="1" ht="14.25" customHeight="1" x14ac:dyDescent="0.25">
      <c r="A995" s="12" t="s">
        <v>333</v>
      </c>
      <c r="B995" s="52" t="s">
        <v>1679</v>
      </c>
      <c r="C995" s="45" t="s">
        <v>2223</v>
      </c>
      <c r="D995" s="12" t="s">
        <v>2973</v>
      </c>
      <c r="E995" s="12" t="s">
        <v>1544</v>
      </c>
      <c r="F995" s="36">
        <v>45688</v>
      </c>
      <c r="G995" s="34">
        <v>1140</v>
      </c>
    </row>
    <row r="996" spans="1:8" s="1" customFormat="1" ht="14.25" customHeight="1" x14ac:dyDescent="0.25">
      <c r="A996" s="26" t="s">
        <v>2991</v>
      </c>
      <c r="B996" s="55" t="s">
        <v>2992</v>
      </c>
      <c r="C996" s="47" t="s">
        <v>686</v>
      </c>
      <c r="D996" s="26"/>
      <c r="E996" s="26"/>
      <c r="F996" s="36">
        <v>45716</v>
      </c>
      <c r="G996" s="34">
        <v>1141</v>
      </c>
    </row>
    <row r="997" spans="1:8" ht="14.25" customHeight="1" x14ac:dyDescent="0.25">
      <c r="A997" s="35" t="s">
        <v>788</v>
      </c>
      <c r="B997" s="56" t="s">
        <v>2455</v>
      </c>
      <c r="C997" s="48"/>
      <c r="D997" s="35"/>
      <c r="E997" s="35"/>
      <c r="F997" s="23">
        <v>45719</v>
      </c>
      <c r="G997" s="34">
        <v>1142</v>
      </c>
    </row>
    <row r="998" spans="1:8" ht="14.25" customHeight="1" x14ac:dyDescent="0.25">
      <c r="A998" s="35" t="s">
        <v>2997</v>
      </c>
      <c r="B998" s="52" t="s">
        <v>1917</v>
      </c>
      <c r="C998" s="45" t="s">
        <v>2993</v>
      </c>
      <c r="D998" s="35"/>
      <c r="E998" s="35"/>
      <c r="F998" s="37">
        <v>45740</v>
      </c>
      <c r="G998" s="34">
        <v>1143</v>
      </c>
      <c r="H998" s="4"/>
    </row>
    <row r="999" spans="1:8" ht="14.25" customHeight="1" x14ac:dyDescent="0.25">
      <c r="A999" s="12" t="s">
        <v>1524</v>
      </c>
      <c r="B999" s="56" t="s">
        <v>1517</v>
      </c>
      <c r="C999" s="48"/>
      <c r="D999" s="35" t="s">
        <v>2994</v>
      </c>
      <c r="E999" s="12" t="s">
        <v>2995</v>
      </c>
      <c r="F999" s="37">
        <v>45730</v>
      </c>
      <c r="G999" s="34">
        <v>1144</v>
      </c>
      <c r="H999" s="4"/>
    </row>
    <row r="1000" spans="1:8" ht="14.25" customHeight="1" x14ac:dyDescent="0.25">
      <c r="A1000" s="35" t="s">
        <v>487</v>
      </c>
      <c r="B1000" s="52" t="s">
        <v>2109</v>
      </c>
      <c r="C1000" s="45" t="s">
        <v>2996</v>
      </c>
      <c r="D1000" s="35"/>
      <c r="E1000" s="35"/>
      <c r="F1000" s="37">
        <v>45771</v>
      </c>
      <c r="G1000" s="34">
        <v>1145</v>
      </c>
      <c r="H1000" s="4"/>
    </row>
    <row r="1001" spans="1:8" ht="14.25" customHeight="1" x14ac:dyDescent="0.25">
      <c r="A1001" s="35" t="s">
        <v>2515</v>
      </c>
      <c r="B1001" s="52" t="s">
        <v>3003</v>
      </c>
      <c r="C1001" s="48"/>
      <c r="D1001" s="35"/>
      <c r="E1001" s="35"/>
      <c r="F1001" s="37">
        <v>45747</v>
      </c>
      <c r="G1001" s="34">
        <v>1146</v>
      </c>
    </row>
    <row r="1002" spans="1:8" ht="14.25" customHeight="1" x14ac:dyDescent="0.25">
      <c r="A1002" s="35" t="s">
        <v>2226</v>
      </c>
      <c r="B1002" s="56" t="s">
        <v>3</v>
      </c>
      <c r="C1002" s="48"/>
      <c r="D1002" s="35"/>
      <c r="E1002" s="35"/>
      <c r="F1002" s="37">
        <v>45762</v>
      </c>
      <c r="G1002" s="34">
        <v>1147</v>
      </c>
      <c r="H1002" s="4"/>
    </row>
    <row r="1003" spans="1:8" ht="14.25" customHeight="1" x14ac:dyDescent="0.25">
      <c r="A1003" s="35" t="s">
        <v>3000</v>
      </c>
      <c r="B1003" s="56" t="s">
        <v>3001</v>
      </c>
      <c r="C1003" s="48"/>
      <c r="D1003" s="35"/>
      <c r="E1003" s="12"/>
      <c r="F1003" s="37">
        <v>45758</v>
      </c>
      <c r="G1003" s="34">
        <v>1148</v>
      </c>
    </row>
    <row r="1004" spans="1:8" ht="14.25" customHeight="1" x14ac:dyDescent="0.25">
      <c r="A1004" s="35" t="s">
        <v>51</v>
      </c>
      <c r="B1004" s="52" t="s">
        <v>1847</v>
      </c>
      <c r="C1004" s="48"/>
      <c r="D1004" s="35"/>
      <c r="E1004" s="12"/>
      <c r="F1004" s="37">
        <v>45747</v>
      </c>
      <c r="G1004" s="34">
        <v>1149</v>
      </c>
    </row>
    <row r="1005" spans="1:8" ht="14.25" customHeight="1" x14ac:dyDescent="0.25">
      <c r="A1005" s="35" t="s">
        <v>2158</v>
      </c>
      <c r="B1005" s="52" t="s">
        <v>1916</v>
      </c>
      <c r="C1005" s="45" t="s">
        <v>1863</v>
      </c>
      <c r="D1005" s="35"/>
      <c r="E1005" s="12"/>
      <c r="F1005" s="37">
        <v>45754</v>
      </c>
      <c r="G1005" s="34">
        <v>1150</v>
      </c>
    </row>
    <row r="1006" spans="1:8" ht="14.25" customHeight="1" x14ac:dyDescent="0.25">
      <c r="A1006" s="35" t="s">
        <v>3087</v>
      </c>
      <c r="B1006" s="52" t="s">
        <v>845</v>
      </c>
      <c r="C1006" s="48"/>
      <c r="D1006" s="35" t="s">
        <v>584</v>
      </c>
      <c r="E1006" s="12" t="s">
        <v>3002</v>
      </c>
      <c r="F1006" s="37">
        <v>45743</v>
      </c>
      <c r="G1006" s="34">
        <v>1151</v>
      </c>
    </row>
    <row r="1007" spans="1:8" ht="14.25" customHeight="1" x14ac:dyDescent="0.25">
      <c r="A1007" s="35" t="s">
        <v>1845</v>
      </c>
      <c r="B1007" s="52" t="s">
        <v>3007</v>
      </c>
      <c r="C1007" s="45" t="s">
        <v>1325</v>
      </c>
      <c r="D1007" s="35"/>
      <c r="E1007" s="12"/>
      <c r="F1007" s="37">
        <v>45775</v>
      </c>
      <c r="G1007" s="34">
        <v>1152</v>
      </c>
    </row>
    <row r="1008" spans="1:8" ht="14.25" customHeight="1" x14ac:dyDescent="0.25">
      <c r="A1008" s="35" t="s">
        <v>1434</v>
      </c>
      <c r="B1008" s="56" t="s">
        <v>3008</v>
      </c>
      <c r="C1008" s="48"/>
      <c r="D1008" s="35"/>
      <c r="E1008" s="35"/>
      <c r="F1008" s="37">
        <v>45779</v>
      </c>
      <c r="G1008" s="34">
        <v>1153</v>
      </c>
    </row>
    <row r="1009" spans="1:12" ht="14.25" customHeight="1" x14ac:dyDescent="0.25">
      <c r="A1009" s="35" t="s">
        <v>3014</v>
      </c>
      <c r="B1009" s="52" t="s">
        <v>1752</v>
      </c>
      <c r="C1009" s="45"/>
      <c r="D1009" s="35"/>
      <c r="E1009" s="12"/>
      <c r="F1009" s="37">
        <v>45785</v>
      </c>
      <c r="G1009" s="34">
        <v>1154</v>
      </c>
    </row>
    <row r="1010" spans="1:12" ht="14.25" customHeight="1" x14ac:dyDescent="0.25">
      <c r="A1010" s="35" t="s">
        <v>3017</v>
      </c>
      <c r="B1010" s="56" t="s">
        <v>3004</v>
      </c>
      <c r="C1010" s="45" t="s">
        <v>597</v>
      </c>
      <c r="D1010" s="35" t="s">
        <v>2027</v>
      </c>
      <c r="E1010" s="12" t="s">
        <v>3015</v>
      </c>
      <c r="F1010" s="37">
        <v>45792</v>
      </c>
      <c r="G1010" s="34">
        <v>1155</v>
      </c>
    </row>
    <row r="1011" spans="1:12" s="4" customFormat="1" ht="14.25" customHeight="1" x14ac:dyDescent="0.25">
      <c r="A1011" s="35" t="s">
        <v>3009</v>
      </c>
      <c r="B1011" s="52" t="s">
        <v>3010</v>
      </c>
      <c r="C1011" s="45" t="s">
        <v>2525</v>
      </c>
      <c r="D1011" s="12" t="s">
        <v>2260</v>
      </c>
      <c r="E1011" s="12" t="s">
        <v>2251</v>
      </c>
      <c r="F1011" s="37">
        <v>45779</v>
      </c>
      <c r="G1011" s="34">
        <v>1156</v>
      </c>
      <c r="I1011" s="3"/>
      <c r="J1011" s="3"/>
      <c r="K1011" s="3"/>
      <c r="L1011" s="3"/>
    </row>
    <row r="1012" spans="1:12" s="4" customFormat="1" ht="14.25" customHeight="1" x14ac:dyDescent="0.25">
      <c r="A1012" s="12" t="s">
        <v>2181</v>
      </c>
      <c r="B1012" s="56" t="s">
        <v>3011</v>
      </c>
      <c r="C1012" s="45" t="s">
        <v>3012</v>
      </c>
      <c r="D1012" s="35"/>
      <c r="E1012" s="12"/>
      <c r="F1012" s="37">
        <v>45785</v>
      </c>
      <c r="G1012" s="34">
        <v>1157</v>
      </c>
      <c r="I1012" s="3"/>
      <c r="J1012" s="3"/>
      <c r="K1012" s="3"/>
      <c r="L1012" s="3"/>
    </row>
    <row r="1013" spans="1:12" ht="14.25" customHeight="1" x14ac:dyDescent="0.25">
      <c r="A1013" s="26" t="s">
        <v>2218</v>
      </c>
      <c r="B1013" s="57" t="s">
        <v>1493</v>
      </c>
      <c r="C1013" s="47" t="s">
        <v>3019</v>
      </c>
      <c r="D1013" s="38" t="s">
        <v>2611</v>
      </c>
      <c r="E1013" s="26" t="s">
        <v>1643</v>
      </c>
      <c r="F1013" s="37">
        <v>45807</v>
      </c>
      <c r="G1013" s="39">
        <v>1159</v>
      </c>
    </row>
    <row r="1014" spans="1:12" ht="14.25" customHeight="1" x14ac:dyDescent="0.25">
      <c r="A1014" s="35" t="s">
        <v>2857</v>
      </c>
      <c r="B1014" s="52" t="s">
        <v>1471</v>
      </c>
      <c r="C1014" s="45" t="s">
        <v>2426</v>
      </c>
      <c r="D1014" s="35"/>
      <c r="E1014" s="12"/>
      <c r="F1014" s="23">
        <v>45807</v>
      </c>
      <c r="G1014" s="39">
        <v>1160</v>
      </c>
      <c r="H1014" s="4"/>
    </row>
    <row r="1015" spans="1:12" ht="14.25" customHeight="1" x14ac:dyDescent="0.25">
      <c r="A1015" s="35" t="s">
        <v>2030</v>
      </c>
      <c r="B1015" s="56" t="s">
        <v>2610</v>
      </c>
      <c r="C1015" s="48"/>
      <c r="D1015" s="35"/>
      <c r="E1015" s="12"/>
      <c r="F1015" s="37">
        <v>45820</v>
      </c>
      <c r="G1015" s="39">
        <v>1161</v>
      </c>
    </row>
    <row r="1016" spans="1:12" ht="14.25" customHeight="1" x14ac:dyDescent="0.25">
      <c r="A1016" s="38" t="s">
        <v>911</v>
      </c>
      <c r="B1016" s="55" t="s">
        <v>2989</v>
      </c>
      <c r="C1016" s="47" t="s">
        <v>437</v>
      </c>
      <c r="D1016" s="38"/>
      <c r="E1016" s="26"/>
      <c r="F1016" s="37">
        <v>45877</v>
      </c>
      <c r="G1016" s="39">
        <v>1162</v>
      </c>
    </row>
    <row r="1017" spans="1:12" ht="14.25" customHeight="1" x14ac:dyDescent="0.25">
      <c r="A1017" s="35" t="s">
        <v>2831</v>
      </c>
      <c r="B1017" s="56" t="s">
        <v>1391</v>
      </c>
      <c r="C1017" s="48"/>
      <c r="D1017" s="35"/>
      <c r="E1017" s="12"/>
      <c r="F1017" s="23">
        <v>45870</v>
      </c>
      <c r="G1017" s="39">
        <v>1163</v>
      </c>
    </row>
    <row r="1018" spans="1:12" s="4" customFormat="1" ht="15" customHeight="1" x14ac:dyDescent="0.25">
      <c r="A1018" s="38" t="s">
        <v>693</v>
      </c>
      <c r="B1018" s="55" t="s">
        <v>2143</v>
      </c>
      <c r="C1018" s="47" t="s">
        <v>2910</v>
      </c>
      <c r="D1018" s="38"/>
      <c r="E1018" s="26"/>
      <c r="F1018" s="23">
        <v>45877</v>
      </c>
      <c r="G1018" s="39">
        <v>1164</v>
      </c>
      <c r="I1018" s="3"/>
      <c r="J1018" s="3"/>
      <c r="K1018" s="3"/>
      <c r="L1018" s="3"/>
    </row>
    <row r="1019" spans="1:12" ht="14.25" customHeight="1" x14ac:dyDescent="0.25">
      <c r="A1019" s="38" t="s">
        <v>418</v>
      </c>
      <c r="B1019" s="57" t="s">
        <v>850</v>
      </c>
      <c r="C1019" s="49"/>
      <c r="D1019" s="38"/>
      <c r="E1019" s="26"/>
      <c r="F1019" s="23">
        <v>45891</v>
      </c>
      <c r="G1019" s="40">
        <v>1165</v>
      </c>
    </row>
    <row r="1020" spans="1:12" s="4" customFormat="1" ht="14.25" customHeight="1" x14ac:dyDescent="0.25">
      <c r="A1020" s="12" t="s">
        <v>493</v>
      </c>
      <c r="B1020" s="52" t="s">
        <v>3031</v>
      </c>
      <c r="C1020" s="45" t="s">
        <v>3032</v>
      </c>
      <c r="D1020" s="12"/>
      <c r="E1020" s="12"/>
      <c r="F1020" s="24">
        <v>45898</v>
      </c>
      <c r="G1020" s="40">
        <v>1166</v>
      </c>
      <c r="I1020" s="3"/>
      <c r="J1020" s="3"/>
      <c r="K1020" s="3"/>
      <c r="L1020" s="3"/>
    </row>
    <row r="1021" spans="1:12" s="4" customFormat="1" ht="14.25" customHeight="1" x14ac:dyDescent="0.25">
      <c r="A1021" s="12" t="s">
        <v>305</v>
      </c>
      <c r="B1021" s="52" t="s">
        <v>904</v>
      </c>
      <c r="C1021" s="45" t="s">
        <v>3033</v>
      </c>
      <c r="D1021" s="12"/>
      <c r="E1021" s="12"/>
      <c r="F1021" s="36">
        <v>45898</v>
      </c>
      <c r="G1021" s="40">
        <v>1167</v>
      </c>
      <c r="I1021" s="3"/>
      <c r="J1021" s="3"/>
      <c r="K1021" s="3"/>
      <c r="L1021" s="3"/>
    </row>
    <row r="1022" spans="1:12" s="4" customFormat="1" ht="14.25" customHeight="1" x14ac:dyDescent="0.25">
      <c r="A1022" s="26" t="s">
        <v>2058</v>
      </c>
      <c r="B1022" s="55" t="s">
        <v>2987</v>
      </c>
      <c r="C1022" s="47" t="s">
        <v>3034</v>
      </c>
      <c r="D1022" s="26"/>
      <c r="E1022" s="26"/>
      <c r="F1022" s="36">
        <v>45916</v>
      </c>
      <c r="G1022" s="40">
        <v>1168</v>
      </c>
      <c r="I1022" s="3"/>
      <c r="J1022" s="3"/>
      <c r="K1022" s="3"/>
      <c r="L1022" s="3"/>
    </row>
    <row r="1023" spans="1:12" ht="14.25" customHeight="1" x14ac:dyDescent="0.25">
      <c r="A1023" s="12" t="s">
        <v>579</v>
      </c>
      <c r="B1023" s="52" t="s">
        <v>2172</v>
      </c>
      <c r="C1023" s="45"/>
      <c r="D1023" s="12"/>
      <c r="E1023" s="12"/>
      <c r="F1023" s="24">
        <v>45924</v>
      </c>
      <c r="G1023" s="40">
        <v>1169</v>
      </c>
    </row>
    <row r="1024" spans="1:12" ht="14.25" customHeight="1" x14ac:dyDescent="0.25">
      <c r="A1024" s="26" t="s">
        <v>2947</v>
      </c>
      <c r="B1024" s="55" t="s">
        <v>3040</v>
      </c>
      <c r="C1024" s="47"/>
      <c r="D1024" s="26" t="s">
        <v>2417</v>
      </c>
      <c r="E1024" s="26" t="s">
        <v>3035</v>
      </c>
      <c r="F1024" s="24">
        <v>45931</v>
      </c>
      <c r="G1024" s="40">
        <v>1170</v>
      </c>
    </row>
    <row r="1025" spans="1:12" s="4" customFormat="1" ht="14.25" customHeight="1" x14ac:dyDescent="0.25">
      <c r="A1025" s="9" t="s">
        <v>1340</v>
      </c>
      <c r="B1025" s="51" t="s">
        <v>1183</v>
      </c>
      <c r="C1025" s="44"/>
      <c r="D1025" s="9"/>
      <c r="E1025" s="9"/>
      <c r="F1025" s="36">
        <v>45961</v>
      </c>
      <c r="G1025" s="40">
        <v>1171</v>
      </c>
      <c r="I1025" s="3"/>
      <c r="J1025" s="3"/>
      <c r="K1025" s="3"/>
      <c r="L1025" s="3"/>
    </row>
    <row r="1026" spans="1:12" s="4" customFormat="1" ht="14.25" customHeight="1" x14ac:dyDescent="0.25">
      <c r="A1026" s="26" t="s">
        <v>2907</v>
      </c>
      <c r="B1026" s="55" t="s">
        <v>3036</v>
      </c>
      <c r="C1026" s="47" t="s">
        <v>2823</v>
      </c>
      <c r="D1026" s="26"/>
      <c r="E1026" s="26"/>
      <c r="F1026" s="24">
        <v>45931</v>
      </c>
      <c r="G1026" s="40">
        <v>1172</v>
      </c>
      <c r="I1026" s="3"/>
      <c r="J1026" s="3"/>
      <c r="K1026" s="3"/>
      <c r="L1026" s="3"/>
    </row>
    <row r="1027" spans="1:12" s="4" customFormat="1" ht="14.25" customHeight="1" x14ac:dyDescent="0.25">
      <c r="A1027" s="27" t="s">
        <v>3037</v>
      </c>
      <c r="B1027" s="54" t="s">
        <v>1200</v>
      </c>
      <c r="C1027" s="50" t="s">
        <v>3038</v>
      </c>
      <c r="D1027" s="27" t="s">
        <v>3039</v>
      </c>
      <c r="E1027" s="27" t="s">
        <v>2793</v>
      </c>
      <c r="F1027" s="36">
        <v>45931</v>
      </c>
      <c r="G1027" s="40">
        <v>1173</v>
      </c>
      <c r="I1027" s="3"/>
      <c r="J1027" s="3"/>
      <c r="K1027" s="3"/>
      <c r="L1027" s="3"/>
    </row>
    <row r="1028" spans="1:12" ht="14.25" customHeight="1" x14ac:dyDescent="0.25">
      <c r="A1028" s="27" t="s">
        <v>2726</v>
      </c>
      <c r="B1028" s="54" t="s">
        <v>901</v>
      </c>
      <c r="C1028" s="50"/>
      <c r="D1028" s="27"/>
      <c r="E1028" s="27"/>
      <c r="F1028" s="36">
        <v>45932</v>
      </c>
      <c r="G1028" s="40">
        <v>1174</v>
      </c>
    </row>
    <row r="1029" spans="1:12" ht="14.25" customHeight="1" x14ac:dyDescent="0.25">
      <c r="A1029" s="9" t="s">
        <v>3041</v>
      </c>
      <c r="B1029" s="51" t="s">
        <v>2512</v>
      </c>
      <c r="C1029" s="44"/>
      <c r="D1029" s="9" t="s">
        <v>1409</v>
      </c>
      <c r="E1029" s="9" t="s">
        <v>3042</v>
      </c>
      <c r="F1029" s="36">
        <v>45932</v>
      </c>
      <c r="G1029" s="40">
        <v>1175</v>
      </c>
    </row>
    <row r="1030" spans="1:12" ht="14.25" customHeight="1" x14ac:dyDescent="0.25">
      <c r="A1030" s="12" t="s">
        <v>1585</v>
      </c>
      <c r="B1030" s="52" t="s">
        <v>984</v>
      </c>
      <c r="C1030" s="45"/>
      <c r="D1030" s="12"/>
      <c r="E1030" s="12"/>
      <c r="F1030" s="24">
        <v>45950</v>
      </c>
      <c r="G1030" s="40">
        <v>1176</v>
      </c>
    </row>
    <row r="1031" spans="1:12" ht="14.25" customHeight="1" x14ac:dyDescent="0.25">
      <c r="A1031" s="12" t="s">
        <v>2903</v>
      </c>
      <c r="B1031" s="52" t="s">
        <v>3043</v>
      </c>
      <c r="C1031" s="45"/>
      <c r="D1031" s="12"/>
      <c r="E1031" s="12"/>
      <c r="F1031" s="24">
        <v>45940</v>
      </c>
      <c r="G1031" s="40">
        <v>1177</v>
      </c>
    </row>
    <row r="1032" spans="1:12" s="4" customFormat="1" ht="14.25" customHeight="1" x14ac:dyDescent="0.25">
      <c r="A1032" s="12" t="s">
        <v>2921</v>
      </c>
      <c r="B1032" s="52" t="s">
        <v>3045</v>
      </c>
      <c r="C1032" s="45" t="s">
        <v>1204</v>
      </c>
      <c r="D1032" s="12"/>
      <c r="E1032" s="12"/>
      <c r="F1032" s="24">
        <v>45961</v>
      </c>
      <c r="G1032" s="40">
        <v>1178</v>
      </c>
      <c r="I1032" s="3"/>
      <c r="J1032" s="3"/>
      <c r="K1032" s="3"/>
      <c r="L1032" s="3"/>
    </row>
    <row r="1033" spans="1:12" s="4" customFormat="1" ht="14.25" customHeight="1" x14ac:dyDescent="0.25">
      <c r="A1033" s="12" t="s">
        <v>3046</v>
      </c>
      <c r="B1033" s="52" t="s">
        <v>3047</v>
      </c>
      <c r="C1033" s="45"/>
      <c r="D1033" s="12"/>
      <c r="E1033" s="12"/>
      <c r="F1033" s="24">
        <v>45947</v>
      </c>
      <c r="G1033" s="34">
        <v>1179</v>
      </c>
      <c r="I1033" s="3"/>
      <c r="J1033" s="3"/>
      <c r="K1033" s="3"/>
      <c r="L1033" s="3"/>
    </row>
    <row r="1034" spans="1:12" s="4" customFormat="1" ht="14.25" customHeight="1" x14ac:dyDescent="0.25">
      <c r="A1034" s="26" t="s">
        <v>903</v>
      </c>
      <c r="B1034" s="55" t="s">
        <v>2861</v>
      </c>
      <c r="C1034" s="47"/>
      <c r="D1034" s="26"/>
      <c r="E1034" s="26"/>
      <c r="F1034" s="24">
        <v>45951</v>
      </c>
      <c r="G1034" s="34">
        <v>1180</v>
      </c>
      <c r="I1034" s="3"/>
      <c r="J1034" s="3"/>
      <c r="K1034" s="3"/>
      <c r="L1034" s="3"/>
    </row>
    <row r="1035" spans="1:12" ht="14.25" customHeight="1" x14ac:dyDescent="0.25">
      <c r="A1035" s="9" t="s">
        <v>207</v>
      </c>
      <c r="B1035" s="51" t="s">
        <v>3048</v>
      </c>
      <c r="C1035" s="44"/>
      <c r="D1035" s="9"/>
      <c r="E1035" s="9"/>
      <c r="F1035" s="36">
        <v>45965</v>
      </c>
      <c r="G1035" s="34">
        <v>1181</v>
      </c>
    </row>
    <row r="1036" spans="1:12" ht="14.25" customHeight="1" x14ac:dyDescent="0.25">
      <c r="A1036" s="26" t="s">
        <v>2999</v>
      </c>
      <c r="B1036" s="55" t="s">
        <v>3085</v>
      </c>
      <c r="C1036" s="47"/>
      <c r="D1036" s="26" t="s">
        <v>3049</v>
      </c>
      <c r="E1036" s="26" t="s">
        <v>3086</v>
      </c>
      <c r="F1036" s="24">
        <v>46028</v>
      </c>
      <c r="G1036" s="34">
        <v>1182</v>
      </c>
    </row>
    <row r="1037" spans="1:12" s="4" customFormat="1" ht="14.25" customHeight="1" x14ac:dyDescent="0.25">
      <c r="A1037" s="9" t="s">
        <v>3050</v>
      </c>
      <c r="B1037" s="51" t="s">
        <v>1186</v>
      </c>
      <c r="C1037" s="44"/>
      <c r="D1037" s="9" t="s">
        <v>749</v>
      </c>
      <c r="E1037" s="9" t="s">
        <v>1047</v>
      </c>
      <c r="F1037" s="36">
        <v>45996</v>
      </c>
      <c r="G1037" s="41">
        <v>1183</v>
      </c>
      <c r="I1037" s="3"/>
      <c r="J1037" s="3"/>
      <c r="K1037" s="3"/>
      <c r="L1037" s="3"/>
    </row>
    <row r="1038" spans="1:12" ht="14.25" customHeight="1" x14ac:dyDescent="0.25">
      <c r="A1038" s="26" t="s">
        <v>3051</v>
      </c>
      <c r="B1038" s="55" t="s">
        <v>3052</v>
      </c>
      <c r="C1038" s="47" t="s">
        <v>2866</v>
      </c>
      <c r="D1038" s="26"/>
      <c r="E1038" s="26"/>
      <c r="F1038" s="24">
        <v>46058</v>
      </c>
      <c r="G1038" s="34">
        <v>1184</v>
      </c>
    </row>
    <row r="1039" spans="1:12" ht="14.25" customHeight="1" x14ac:dyDescent="0.25">
      <c r="A1039" s="9" t="s">
        <v>3021</v>
      </c>
      <c r="B1039" s="51" t="s">
        <v>405</v>
      </c>
      <c r="C1039" s="44" t="s">
        <v>2561</v>
      </c>
      <c r="D1039" s="9"/>
      <c r="E1039" s="9"/>
      <c r="F1039" s="36">
        <v>45988</v>
      </c>
      <c r="G1039" s="41">
        <v>1185</v>
      </c>
    </row>
    <row r="1040" spans="1:12" ht="14.25" customHeight="1" x14ac:dyDescent="0.25">
      <c r="A1040" s="12" t="s">
        <v>2626</v>
      </c>
      <c r="B1040" s="52" t="s">
        <v>3055</v>
      </c>
      <c r="C1040" s="45"/>
      <c r="D1040" s="12"/>
      <c r="E1040" s="12"/>
      <c r="F1040" s="24">
        <v>45982</v>
      </c>
      <c r="G1040" s="34">
        <v>1186</v>
      </c>
    </row>
    <row r="1041" spans="1:12" s="4" customFormat="1" ht="14.25" customHeight="1" x14ac:dyDescent="0.25">
      <c r="A1041" s="12" t="s">
        <v>3056</v>
      </c>
      <c r="B1041" s="52" t="s">
        <v>26</v>
      </c>
      <c r="C1041" s="45"/>
      <c r="D1041" s="12" t="s">
        <v>3057</v>
      </c>
      <c r="E1041" s="12" t="s">
        <v>888</v>
      </c>
      <c r="F1041" s="24">
        <v>45994</v>
      </c>
      <c r="G1041" s="34">
        <v>1187</v>
      </c>
      <c r="I1041" s="3"/>
      <c r="J1041" s="3"/>
      <c r="K1041" s="3"/>
      <c r="L1041" s="3"/>
    </row>
    <row r="1042" spans="1:12" s="4" customFormat="1" ht="14.25" customHeight="1" x14ac:dyDescent="0.25">
      <c r="A1042" s="12" t="s">
        <v>1304</v>
      </c>
      <c r="B1042" s="52" t="s">
        <v>2820</v>
      </c>
      <c r="C1042" s="45" t="s">
        <v>771</v>
      </c>
      <c r="D1042" s="12" t="s">
        <v>126</v>
      </c>
      <c r="E1042" s="12" t="s">
        <v>3059</v>
      </c>
      <c r="F1042" s="24">
        <v>46007</v>
      </c>
      <c r="G1042" s="34">
        <v>1188</v>
      </c>
      <c r="I1042" s="3"/>
      <c r="J1042" s="3"/>
      <c r="K1042" s="3"/>
      <c r="L1042" s="3"/>
    </row>
    <row r="1043" spans="1:12" ht="14.25" customHeight="1" x14ac:dyDescent="0.25">
      <c r="A1043" s="12" t="s">
        <v>2700</v>
      </c>
      <c r="B1043" s="52" t="s">
        <v>1228</v>
      </c>
      <c r="C1043" s="45"/>
      <c r="D1043" s="12"/>
      <c r="E1043" s="12"/>
      <c r="F1043" s="24">
        <v>46008</v>
      </c>
      <c r="G1043" s="34">
        <v>1189</v>
      </c>
    </row>
    <row r="1044" spans="1:12" ht="14.25" customHeight="1" x14ac:dyDescent="0.25">
      <c r="A1044" s="12" t="s">
        <v>3060</v>
      </c>
      <c r="B1044" s="52" t="s">
        <v>3066</v>
      </c>
      <c r="C1044" s="45" t="s">
        <v>2302</v>
      </c>
      <c r="D1044" s="12"/>
      <c r="E1044" s="12"/>
      <c r="F1044" s="24">
        <v>46043</v>
      </c>
      <c r="G1044" s="34">
        <v>1190</v>
      </c>
    </row>
    <row r="1045" spans="1:12" ht="14.25" customHeight="1" x14ac:dyDescent="0.25">
      <c r="A1045" s="26" t="s">
        <v>1150</v>
      </c>
      <c r="B1045" s="55" t="s">
        <v>3061</v>
      </c>
      <c r="C1045" s="47" t="s">
        <v>1160</v>
      </c>
      <c r="D1045" s="26"/>
      <c r="E1045" s="26"/>
      <c r="F1045" s="24">
        <v>46045</v>
      </c>
      <c r="G1045" s="34">
        <v>1191</v>
      </c>
    </row>
    <row r="1046" spans="1:12" s="4" customFormat="1" ht="14.25" customHeight="1" x14ac:dyDescent="0.25">
      <c r="A1046" s="9" t="s">
        <v>3063</v>
      </c>
      <c r="B1046" s="51" t="s">
        <v>3080</v>
      </c>
      <c r="C1046" s="44" t="s">
        <v>3064</v>
      </c>
      <c r="D1046" s="9"/>
      <c r="E1046" s="9"/>
      <c r="F1046" s="36">
        <v>46069</v>
      </c>
      <c r="G1046" s="41">
        <v>1192</v>
      </c>
      <c r="I1046" s="3"/>
      <c r="J1046" s="3"/>
      <c r="K1046" s="3"/>
      <c r="L1046" s="3"/>
    </row>
    <row r="1047" spans="1:12" s="4" customFormat="1" ht="14.25" customHeight="1" x14ac:dyDescent="0.25">
      <c r="A1047" s="12" t="s">
        <v>3067</v>
      </c>
      <c r="B1047" s="52" t="s">
        <v>3065</v>
      </c>
      <c r="C1047" s="45"/>
      <c r="D1047" s="12"/>
      <c r="E1047" s="12"/>
      <c r="F1047" s="24">
        <v>46048</v>
      </c>
      <c r="G1047" s="34">
        <v>1193</v>
      </c>
      <c r="I1047" s="3"/>
      <c r="J1047" s="3"/>
      <c r="K1047" s="3"/>
      <c r="L1047" s="3"/>
    </row>
    <row r="1048" spans="1:12" s="4" customFormat="1" ht="14.25" customHeight="1" x14ac:dyDescent="0.25">
      <c r="A1048" s="26" t="s">
        <v>3068</v>
      </c>
      <c r="B1048" s="55" t="s">
        <v>3069</v>
      </c>
      <c r="C1048" s="47" t="s">
        <v>1952</v>
      </c>
      <c r="D1048" s="26"/>
      <c r="E1048" s="26"/>
      <c r="F1048" s="24">
        <v>46062</v>
      </c>
      <c r="G1048" s="34">
        <v>1194</v>
      </c>
      <c r="I1048" s="3"/>
      <c r="J1048" s="3"/>
      <c r="K1048" s="3"/>
      <c r="L1048" s="3"/>
    </row>
    <row r="1049" spans="1:12" ht="14.25" customHeight="1" x14ac:dyDescent="0.25">
      <c r="A1049" s="27" t="s">
        <v>3070</v>
      </c>
      <c r="B1049" s="54" t="s">
        <v>3071</v>
      </c>
      <c r="C1049" s="50"/>
      <c r="D1049" s="27"/>
      <c r="E1049" s="27"/>
      <c r="F1049" s="36">
        <v>46077</v>
      </c>
      <c r="G1049" s="41">
        <v>1195</v>
      </c>
    </row>
    <row r="1050" spans="1:12" ht="14.25" customHeight="1" x14ac:dyDescent="0.25">
      <c r="A1050" s="27" t="s">
        <v>3072</v>
      </c>
      <c r="B1050" s="54" t="s">
        <v>1649</v>
      </c>
      <c r="C1050" s="50"/>
      <c r="D1050" s="27"/>
      <c r="E1050" s="27"/>
      <c r="F1050" s="36">
        <v>46057</v>
      </c>
      <c r="G1050" s="41">
        <v>1196</v>
      </c>
    </row>
    <row r="1051" spans="1:12" s="4" customFormat="1" ht="14.25" customHeight="1" x14ac:dyDescent="0.25">
      <c r="A1051" s="9" t="s">
        <v>3073</v>
      </c>
      <c r="B1051" s="51" t="s">
        <v>3074</v>
      </c>
      <c r="C1051" s="44"/>
      <c r="D1051" s="9" t="s">
        <v>3075</v>
      </c>
      <c r="E1051" s="9" t="s">
        <v>626</v>
      </c>
      <c r="F1051" s="36">
        <v>46122</v>
      </c>
      <c r="G1051" s="41">
        <v>1197</v>
      </c>
      <c r="I1051" s="3"/>
      <c r="J1051" s="3"/>
      <c r="K1051" s="3"/>
      <c r="L1051" s="3"/>
    </row>
    <row r="1052" spans="1:12" ht="14.25" customHeight="1" x14ac:dyDescent="0.25">
      <c r="A1052" s="26" t="s">
        <v>3077</v>
      </c>
      <c r="B1052" s="55" t="s">
        <v>3078</v>
      </c>
      <c r="C1052" s="47"/>
      <c r="D1052" s="26"/>
      <c r="E1052" s="26"/>
      <c r="F1052" s="24">
        <v>46065</v>
      </c>
      <c r="G1052" s="34">
        <v>1198</v>
      </c>
    </row>
    <row r="1053" spans="1:12" s="4" customFormat="1" ht="14.25" customHeight="1" x14ac:dyDescent="0.25">
      <c r="A1053" s="27" t="s">
        <v>3082</v>
      </c>
      <c r="B1053" s="54" t="s">
        <v>3083</v>
      </c>
      <c r="C1053" s="50"/>
      <c r="D1053" s="27" t="s">
        <v>2105</v>
      </c>
      <c r="E1053" s="27" t="s">
        <v>3084</v>
      </c>
      <c r="F1053" s="36">
        <v>46092</v>
      </c>
      <c r="G1053" s="41">
        <v>1199</v>
      </c>
      <c r="I1053" s="3"/>
      <c r="J1053" s="3"/>
      <c r="K1053" s="3"/>
      <c r="L1053" s="3"/>
    </row>
    <row r="1054" spans="1:12" ht="14.25" customHeight="1" x14ac:dyDescent="0.25">
      <c r="A1054" s="42"/>
      <c r="B1054" s="42"/>
      <c r="C1054" s="42"/>
      <c r="D1054" s="42"/>
      <c r="E1054" s="42"/>
      <c r="F1054" s="43"/>
      <c r="G1054" s="59"/>
    </row>
    <row r="1055" spans="1:12" ht="14.25" customHeight="1" x14ac:dyDescent="0.25">
      <c r="A1055" s="42"/>
      <c r="B1055" s="42"/>
      <c r="C1055" s="42"/>
      <c r="D1055" s="42"/>
      <c r="E1055" s="42"/>
      <c r="F1055" s="43"/>
      <c r="G1055" s="59"/>
    </row>
  </sheetData>
  <phoneticPr fontId="2"/>
  <conditionalFormatting sqref="F1:F509 F722:F728 F817 F819:F836 G932 H950:H955 G1033:G1053">
    <cfRule type="expression" priority="6">
      <formula>if</formula>
    </cfRule>
  </conditionalFormatting>
  <conditionalFormatting sqref="G1:G884 A1:E996 F511:F595 F597:F601 F603:F647 F649:F720 F730:F801 F803:F815 F838:F949 H956:K988 I989:L1048576 A998:E1024 A1025:D1083 G1054:G1086 A1084:E1048576">
    <cfRule type="expression" priority="38">
      <formula>if</formula>
    </cfRule>
  </conditionalFormatting>
  <pageMargins left="0.7" right="0.7" top="0.75" bottom="0.75" header="0.3" footer="0.3"/>
  <pageSetup paperSize="9" scale="65" orientation="portrait" r:id="rId1"/>
  <ignoredErrors>
    <ignoredError sqref="G756 G747 G733:G746 G748:G755 G706:G732 G621:G705 G563:G620 G2:G562" numberStoredAsText="1"/>
  </ignoredErrors>
  <tableParts count="1">
    <tablePart r:id="rId2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美容所</vt:lpstr>
      <vt:lpstr>美容所台帳一覧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玉扶持　春実</dc:creator>
  <cp:lastModifiedBy>上埜　和歌子</cp:lastModifiedBy>
  <cp:lastPrinted>2025-08-21T04:57:36Z</cp:lastPrinted>
  <dcterms:created xsi:type="dcterms:W3CDTF">2020-02-20T00:38:11Z</dcterms:created>
  <dcterms:modified xsi:type="dcterms:W3CDTF">2026-04-30T06:17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4-09T07:45:16Z</vt:filetime>
  </property>
</Properties>
</file>